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1B0048D8" w14:textId="77777777" w:rsidR="00547938" w:rsidRPr="009C09AD" w:rsidRDefault="00547938" w:rsidP="00D020A1">
      <w:pPr>
        <w:rPr>
          <w:rFonts w:cstheme="minorHAnsi"/>
          <w:sz w:val="28"/>
          <w:szCs w:val="28"/>
        </w:rPr>
      </w:pPr>
      <w:r w:rsidRPr="009C09AD">
        <w:rPr>
          <w:rFonts w:cstheme="minorHAnsi"/>
          <w:sz w:val="28"/>
          <w:szCs w:val="28"/>
        </w:rPr>
        <w:t>To perform the CAPM test, we will check if the residual value, the excess return calculated using CAPM, deviates significantly from zero. Any positive or negative alpha represents if an asset is overperforming or underperforming, respectively. As the amount of assets present for analysis is huge, we will use Excel formulas of slope, intercept and RSQ for regression on individual assets. Our null hypothesis states that alpha values will equal or near zero. If the intercept value (alpha α) deviates significantly from zero, we will consider it evidence that CAPM does not hold. To check the significance of the deviation of alpha from zero, we will use the T-statistic with a level of significance set to 5%.</w:t>
      </w:r>
    </w:p>
    <w:p w14:paraId="5B155359" w14:textId="59408377" w:rsidR="001046D7" w:rsidRPr="009C09AD" w:rsidRDefault="001046D7" w:rsidP="00D020A1">
      <w:pPr>
        <w:rPr>
          <w:rFonts w:cstheme="minorHAnsi"/>
          <w:b/>
          <w:bCs/>
          <w:color w:val="000000"/>
          <w:sz w:val="28"/>
          <w:szCs w:val="28"/>
          <w:lang w:val="en-US"/>
        </w:rPr>
      </w:pPr>
      <w:r w:rsidRPr="009C09AD">
        <w:rPr>
          <w:rFonts w:cstheme="minorHAnsi"/>
          <w:b/>
          <w:bCs/>
          <w:color w:val="000000"/>
          <w:sz w:val="28"/>
          <w:szCs w:val="28"/>
          <w:lang w:val="en-US"/>
        </w:rPr>
        <w:t xml:space="preserve">Measures – </w:t>
      </w:r>
      <w:r w:rsidR="005D4BD1" w:rsidRPr="009C09AD">
        <w:rPr>
          <w:rFonts w:cstheme="minorHAnsi"/>
          <w:b/>
          <w:bCs/>
          <w:color w:val="000000"/>
          <w:sz w:val="28"/>
          <w:szCs w:val="28"/>
          <w:lang w:val="en-US"/>
        </w:rPr>
        <w:t>Beta and alpha</w:t>
      </w:r>
    </w:p>
    <w:tbl>
      <w:tblPr>
        <w:tblStyle w:val="TableGrid"/>
        <w:tblpPr w:leftFromText="180" w:rightFromText="180" w:vertAnchor="text" w:horzAnchor="margin" w:tblpXSpec="center" w:tblpY="739"/>
        <w:tblW w:w="0" w:type="auto"/>
        <w:tblLook w:val="04A0" w:firstRow="1" w:lastRow="0" w:firstColumn="1" w:lastColumn="0" w:noHBand="0" w:noVBand="1"/>
      </w:tblPr>
      <w:tblGrid>
        <w:gridCol w:w="846"/>
        <w:gridCol w:w="4678"/>
      </w:tblGrid>
      <w:tr w:rsidR="002814B1" w:rsidRPr="009C09AD" w14:paraId="35181975" w14:textId="77777777" w:rsidTr="000972A8">
        <w:tc>
          <w:tcPr>
            <w:tcW w:w="846" w:type="dxa"/>
          </w:tcPr>
          <w:p w14:paraId="031B5831" w14:textId="77777777" w:rsidR="002814B1" w:rsidRPr="009C09AD" w:rsidRDefault="002814B1" w:rsidP="000972A8">
            <w:pPr>
              <w:jc w:val="center"/>
              <w:rPr>
                <w:rFonts w:cstheme="minorHAnsi"/>
                <w:color w:val="000000"/>
                <w:sz w:val="27"/>
                <w:szCs w:val="27"/>
                <w:lang w:val="en-US"/>
              </w:rPr>
            </w:pPr>
            <w:r w:rsidRPr="009C09AD">
              <w:rPr>
                <w:rFonts w:cstheme="minorHAnsi"/>
                <w:color w:val="000000"/>
                <w:sz w:val="27"/>
                <w:szCs w:val="27"/>
                <w:lang w:val="en-US"/>
              </w:rPr>
              <w:t>β &gt; 1</w:t>
            </w:r>
          </w:p>
        </w:tc>
        <w:tc>
          <w:tcPr>
            <w:tcW w:w="4678" w:type="dxa"/>
          </w:tcPr>
          <w:p w14:paraId="4B130E4A" w14:textId="77777777" w:rsidR="002814B1" w:rsidRPr="009C09AD" w:rsidRDefault="002814B1" w:rsidP="000972A8">
            <w:pPr>
              <w:rPr>
                <w:rFonts w:cstheme="minorHAnsi"/>
                <w:color w:val="000000"/>
                <w:sz w:val="27"/>
                <w:szCs w:val="27"/>
                <w:lang w:val="en-US"/>
              </w:rPr>
            </w:pPr>
            <w:r w:rsidRPr="009C09AD">
              <w:rPr>
                <w:rFonts w:cstheme="minorHAnsi"/>
                <w:color w:val="000000"/>
                <w:sz w:val="27"/>
                <w:szCs w:val="27"/>
                <w:lang w:val="en-US"/>
              </w:rPr>
              <w:t>Portfolio is more volatile than market</w:t>
            </w:r>
          </w:p>
        </w:tc>
      </w:tr>
      <w:tr w:rsidR="002814B1" w:rsidRPr="009C09AD" w14:paraId="5258347D" w14:textId="77777777" w:rsidTr="000972A8">
        <w:tc>
          <w:tcPr>
            <w:tcW w:w="846" w:type="dxa"/>
          </w:tcPr>
          <w:p w14:paraId="78956F8C" w14:textId="77777777" w:rsidR="002814B1" w:rsidRPr="009C09AD" w:rsidRDefault="002814B1" w:rsidP="000972A8">
            <w:pPr>
              <w:rPr>
                <w:rFonts w:cstheme="minorHAnsi"/>
                <w:color w:val="000000"/>
                <w:sz w:val="27"/>
                <w:szCs w:val="27"/>
                <w:lang w:val="en-US"/>
              </w:rPr>
            </w:pPr>
            <w:r w:rsidRPr="009C09AD">
              <w:rPr>
                <w:rFonts w:cstheme="minorHAnsi"/>
                <w:color w:val="000000"/>
                <w:sz w:val="27"/>
                <w:szCs w:val="27"/>
                <w:lang w:val="en-US"/>
              </w:rPr>
              <w:t>β &lt; 1</w:t>
            </w:r>
          </w:p>
        </w:tc>
        <w:tc>
          <w:tcPr>
            <w:tcW w:w="4678" w:type="dxa"/>
          </w:tcPr>
          <w:p w14:paraId="17E54A18" w14:textId="77777777" w:rsidR="002814B1" w:rsidRPr="009C09AD" w:rsidRDefault="002814B1" w:rsidP="000972A8">
            <w:pPr>
              <w:rPr>
                <w:rFonts w:cstheme="minorHAnsi"/>
                <w:color w:val="000000"/>
                <w:sz w:val="27"/>
                <w:szCs w:val="27"/>
                <w:lang w:val="en-US"/>
              </w:rPr>
            </w:pPr>
            <w:r w:rsidRPr="009C09AD">
              <w:rPr>
                <w:rFonts w:cstheme="minorHAnsi"/>
                <w:color w:val="000000"/>
                <w:sz w:val="27"/>
                <w:szCs w:val="27"/>
                <w:lang w:val="en-US"/>
              </w:rPr>
              <w:t>Portfolio is less volatile than market</w:t>
            </w:r>
          </w:p>
        </w:tc>
      </w:tr>
      <w:tr w:rsidR="002814B1" w:rsidRPr="009C09AD" w14:paraId="563D839C" w14:textId="77777777" w:rsidTr="000972A8">
        <w:tc>
          <w:tcPr>
            <w:tcW w:w="846" w:type="dxa"/>
          </w:tcPr>
          <w:p w14:paraId="1CE27AFA" w14:textId="77777777" w:rsidR="002814B1" w:rsidRPr="009C09AD" w:rsidRDefault="002814B1" w:rsidP="000972A8">
            <w:pPr>
              <w:rPr>
                <w:rFonts w:cstheme="minorHAnsi"/>
                <w:color w:val="000000"/>
                <w:sz w:val="27"/>
                <w:szCs w:val="27"/>
                <w:lang w:val="en-US"/>
              </w:rPr>
            </w:pPr>
            <w:r w:rsidRPr="009C09AD">
              <w:rPr>
                <w:rFonts w:cstheme="minorHAnsi"/>
                <w:color w:val="000000"/>
                <w:sz w:val="27"/>
                <w:szCs w:val="27"/>
                <w:lang w:val="en-US"/>
              </w:rPr>
              <w:t>β = 1</w:t>
            </w:r>
          </w:p>
        </w:tc>
        <w:tc>
          <w:tcPr>
            <w:tcW w:w="4678" w:type="dxa"/>
          </w:tcPr>
          <w:p w14:paraId="37947AF3" w14:textId="77777777" w:rsidR="002814B1" w:rsidRPr="009C09AD" w:rsidRDefault="002814B1" w:rsidP="000972A8">
            <w:pPr>
              <w:rPr>
                <w:rFonts w:cstheme="minorHAnsi"/>
                <w:color w:val="000000"/>
                <w:sz w:val="27"/>
                <w:szCs w:val="27"/>
                <w:lang w:val="en-US"/>
              </w:rPr>
            </w:pPr>
            <w:r w:rsidRPr="009C09AD">
              <w:rPr>
                <w:rFonts w:cstheme="minorHAnsi"/>
                <w:color w:val="000000"/>
                <w:sz w:val="27"/>
                <w:szCs w:val="27"/>
                <w:lang w:val="en-US"/>
              </w:rPr>
              <w:t>Portfolio is equally volatile as the market</w:t>
            </w:r>
          </w:p>
        </w:tc>
      </w:tr>
    </w:tbl>
    <w:p w14:paraId="16C1381B" w14:textId="540A190E" w:rsidR="002814B1" w:rsidRPr="009C09AD" w:rsidRDefault="00A94620" w:rsidP="00D020A1">
      <w:pPr>
        <w:rPr>
          <w:rFonts w:cstheme="minorHAnsi"/>
          <w:color w:val="000000"/>
          <w:sz w:val="28"/>
          <w:szCs w:val="28"/>
          <w:lang w:val="en-US"/>
        </w:rPr>
      </w:pPr>
      <w:r w:rsidRPr="009C09AD">
        <w:rPr>
          <w:rFonts w:cstheme="minorHAnsi"/>
          <w:color w:val="000000"/>
          <w:sz w:val="28"/>
          <w:szCs w:val="28"/>
          <w:lang w:val="en-US"/>
        </w:rPr>
        <w:t>Beta helps define the volatility of a portfolio return compared to the market return movement.</w:t>
      </w:r>
    </w:p>
    <w:p w14:paraId="0934396F" w14:textId="77777777" w:rsidR="000972A8" w:rsidRPr="009C09AD" w:rsidRDefault="000972A8" w:rsidP="00D020A1">
      <w:pPr>
        <w:rPr>
          <w:rFonts w:cstheme="minorHAnsi"/>
          <w:color w:val="000000"/>
          <w:sz w:val="28"/>
          <w:szCs w:val="28"/>
          <w:lang w:val="en-US"/>
        </w:rPr>
      </w:pPr>
    </w:p>
    <w:p w14:paraId="1B3CE59F" w14:textId="77777777" w:rsidR="00D35024" w:rsidRPr="009C09AD" w:rsidRDefault="00D35024" w:rsidP="00D020A1">
      <w:pPr>
        <w:rPr>
          <w:rFonts w:cstheme="minorHAnsi"/>
          <w:color w:val="000000"/>
          <w:sz w:val="28"/>
          <w:szCs w:val="28"/>
          <w:lang w:val="en-US"/>
        </w:rPr>
      </w:pPr>
    </w:p>
    <w:p w14:paraId="6D5DABBE" w14:textId="00418BCD" w:rsidR="004516C4" w:rsidRPr="009C09AD" w:rsidRDefault="004516C4" w:rsidP="00D020A1">
      <w:pPr>
        <w:rPr>
          <w:rFonts w:cstheme="minorHAnsi"/>
          <w:color w:val="000000"/>
          <w:sz w:val="28"/>
          <w:szCs w:val="28"/>
          <w:lang w:val="en-US"/>
        </w:rPr>
      </w:pPr>
      <w:r w:rsidRPr="009C09AD">
        <w:rPr>
          <w:rFonts w:cstheme="minorHAnsi"/>
          <w:color w:val="000000"/>
          <w:sz w:val="28"/>
          <w:szCs w:val="28"/>
          <w:lang w:val="en-US"/>
        </w:rPr>
        <w:t xml:space="preserve">Alpha </w:t>
      </w:r>
      <w:r w:rsidR="00CB0D27" w:rsidRPr="009C09AD">
        <w:rPr>
          <w:rFonts w:cstheme="minorHAnsi"/>
          <w:color w:val="000000"/>
          <w:sz w:val="28"/>
          <w:szCs w:val="28"/>
          <w:lang w:val="en-US"/>
        </w:rPr>
        <w:t xml:space="preserve">helps in defining the residual </w:t>
      </w:r>
      <w:r w:rsidR="006627A3" w:rsidRPr="009C09AD">
        <w:rPr>
          <w:rFonts w:cstheme="minorHAnsi"/>
          <w:color w:val="000000"/>
          <w:sz w:val="28"/>
          <w:szCs w:val="28"/>
          <w:lang w:val="en-US"/>
        </w:rPr>
        <w:t>o</w:t>
      </w:r>
      <w:r w:rsidR="00A132BD" w:rsidRPr="009C09AD">
        <w:rPr>
          <w:rFonts w:cstheme="minorHAnsi"/>
          <w:color w:val="000000"/>
          <w:sz w:val="28"/>
          <w:szCs w:val="28"/>
          <w:lang w:val="en-US"/>
        </w:rPr>
        <w:t xml:space="preserve">r excess return </w:t>
      </w:r>
      <w:r w:rsidR="00942669" w:rsidRPr="009C09AD">
        <w:rPr>
          <w:rFonts w:cstheme="minorHAnsi"/>
          <w:color w:val="000000"/>
          <w:sz w:val="28"/>
          <w:szCs w:val="28"/>
          <w:lang w:val="en-US"/>
        </w:rPr>
        <w:t xml:space="preserve">that </w:t>
      </w:r>
      <w:r w:rsidR="00A7162F" w:rsidRPr="009C09AD">
        <w:rPr>
          <w:rFonts w:cstheme="minorHAnsi"/>
          <w:color w:val="000000"/>
          <w:sz w:val="28"/>
          <w:szCs w:val="28"/>
          <w:lang w:val="en-US"/>
        </w:rPr>
        <w:t xml:space="preserve">a portfolio </w:t>
      </w:r>
      <w:r w:rsidR="0071787A" w:rsidRPr="009C09AD">
        <w:rPr>
          <w:rFonts w:cstheme="minorHAnsi"/>
          <w:color w:val="000000"/>
          <w:sz w:val="28"/>
          <w:szCs w:val="28"/>
          <w:lang w:val="en-US"/>
        </w:rPr>
        <w:t>makes based on its beta</w:t>
      </w:r>
      <w:r w:rsidR="000A7353" w:rsidRPr="009C09AD">
        <w:rPr>
          <w:rFonts w:cstheme="minorHAnsi"/>
          <w:color w:val="000000"/>
          <w:sz w:val="28"/>
          <w:szCs w:val="28"/>
          <w:lang w:val="en-US"/>
        </w:rPr>
        <w:t>.</w:t>
      </w:r>
    </w:p>
    <w:tbl>
      <w:tblPr>
        <w:tblStyle w:val="TableGrid"/>
        <w:tblpPr w:leftFromText="180" w:rightFromText="180" w:vertAnchor="text" w:horzAnchor="page" w:tblpXSpec="center" w:tblpY="657"/>
        <w:tblW w:w="0" w:type="auto"/>
        <w:tblLook w:val="04A0" w:firstRow="1" w:lastRow="0" w:firstColumn="1" w:lastColumn="0" w:noHBand="0" w:noVBand="1"/>
      </w:tblPr>
      <w:tblGrid>
        <w:gridCol w:w="846"/>
        <w:gridCol w:w="6095"/>
      </w:tblGrid>
      <w:tr w:rsidR="000972A8" w:rsidRPr="009C09AD" w14:paraId="27BDD969" w14:textId="77777777" w:rsidTr="007428C4">
        <w:tc>
          <w:tcPr>
            <w:tcW w:w="846" w:type="dxa"/>
          </w:tcPr>
          <w:p w14:paraId="4B4BD7A9" w14:textId="77777777" w:rsidR="000972A8" w:rsidRPr="009C09AD" w:rsidRDefault="000972A8" w:rsidP="007428C4">
            <w:pPr>
              <w:rPr>
                <w:rFonts w:cstheme="minorHAnsi"/>
                <w:color w:val="000000"/>
                <w:sz w:val="27"/>
                <w:szCs w:val="27"/>
                <w:lang w:val="en-US"/>
              </w:rPr>
            </w:pPr>
            <w:r w:rsidRPr="009C09AD">
              <w:rPr>
                <w:rFonts w:cstheme="minorHAnsi"/>
                <w:color w:val="000000"/>
                <w:sz w:val="27"/>
                <w:szCs w:val="27"/>
                <w:lang w:val="en-US"/>
              </w:rPr>
              <w:t>α &gt; 0</w:t>
            </w:r>
          </w:p>
        </w:tc>
        <w:tc>
          <w:tcPr>
            <w:tcW w:w="6095" w:type="dxa"/>
          </w:tcPr>
          <w:p w14:paraId="379D471C" w14:textId="77777777" w:rsidR="000972A8" w:rsidRPr="009C09AD" w:rsidRDefault="000972A8" w:rsidP="007428C4">
            <w:pPr>
              <w:rPr>
                <w:rFonts w:cstheme="minorHAnsi"/>
                <w:color w:val="000000"/>
                <w:sz w:val="27"/>
                <w:szCs w:val="27"/>
                <w:lang w:val="en-US"/>
              </w:rPr>
            </w:pPr>
            <w:r w:rsidRPr="009C09AD">
              <w:rPr>
                <w:rFonts w:cstheme="minorHAnsi"/>
                <w:color w:val="000000"/>
                <w:sz w:val="27"/>
                <w:szCs w:val="27"/>
                <w:lang w:val="en-US"/>
              </w:rPr>
              <w:t>portfolio is overperforming and holder should keep it</w:t>
            </w:r>
          </w:p>
        </w:tc>
      </w:tr>
      <w:tr w:rsidR="000972A8" w:rsidRPr="009C09AD" w14:paraId="31DFCD26" w14:textId="77777777" w:rsidTr="007428C4">
        <w:tc>
          <w:tcPr>
            <w:tcW w:w="846" w:type="dxa"/>
          </w:tcPr>
          <w:p w14:paraId="394A5BA0" w14:textId="77777777" w:rsidR="000972A8" w:rsidRPr="009C09AD" w:rsidRDefault="000972A8" w:rsidP="007428C4">
            <w:pPr>
              <w:rPr>
                <w:rFonts w:cstheme="minorHAnsi"/>
                <w:color w:val="000000"/>
                <w:sz w:val="27"/>
                <w:szCs w:val="27"/>
                <w:lang w:val="en-US"/>
              </w:rPr>
            </w:pPr>
            <w:r w:rsidRPr="009C09AD">
              <w:rPr>
                <w:rFonts w:cstheme="minorHAnsi"/>
                <w:color w:val="000000"/>
                <w:sz w:val="27"/>
                <w:szCs w:val="27"/>
                <w:lang w:val="en-US"/>
              </w:rPr>
              <w:t>α &lt; 0</w:t>
            </w:r>
          </w:p>
        </w:tc>
        <w:tc>
          <w:tcPr>
            <w:tcW w:w="6095" w:type="dxa"/>
          </w:tcPr>
          <w:p w14:paraId="74A9D1BA" w14:textId="77777777" w:rsidR="000972A8" w:rsidRPr="009C09AD" w:rsidRDefault="000972A8" w:rsidP="007428C4">
            <w:pPr>
              <w:rPr>
                <w:rFonts w:cstheme="minorHAnsi"/>
                <w:color w:val="000000"/>
                <w:sz w:val="27"/>
                <w:szCs w:val="27"/>
                <w:lang w:val="en-US"/>
              </w:rPr>
            </w:pPr>
            <w:r w:rsidRPr="009C09AD">
              <w:rPr>
                <w:rFonts w:cstheme="minorHAnsi"/>
                <w:color w:val="000000"/>
                <w:sz w:val="27"/>
                <w:szCs w:val="27"/>
                <w:lang w:val="en-US"/>
              </w:rPr>
              <w:t>portfolio is underperforming and holder should sell it</w:t>
            </w:r>
          </w:p>
        </w:tc>
      </w:tr>
    </w:tbl>
    <w:p w14:paraId="3DC3EF1E" w14:textId="5578089A" w:rsidR="00AA1C79" w:rsidRPr="009C09AD" w:rsidRDefault="00E333F8" w:rsidP="007428C4">
      <w:pPr>
        <w:jc w:val="center"/>
        <w:rPr>
          <w:rFonts w:cstheme="minorHAnsi"/>
          <w:b/>
          <w:bCs/>
          <w:color w:val="000000"/>
          <w:sz w:val="28"/>
          <w:szCs w:val="28"/>
          <w:lang w:val="en-US"/>
        </w:rPr>
      </w:pPr>
      <w:r w:rsidRPr="009C09AD">
        <w:rPr>
          <w:rFonts w:cstheme="minorHAnsi"/>
          <w:b/>
          <w:bCs/>
          <w:color w:val="000000"/>
          <w:sz w:val="28"/>
          <w:szCs w:val="28"/>
          <w:lang w:val="en-US"/>
        </w:rPr>
        <w:t xml:space="preserve">Residual (alpha) = </w:t>
      </w:r>
      <w:r w:rsidR="00107D11" w:rsidRPr="009C09AD">
        <w:rPr>
          <w:rFonts w:cstheme="minorHAnsi"/>
          <w:b/>
          <w:bCs/>
          <w:color w:val="000000"/>
          <w:sz w:val="28"/>
          <w:szCs w:val="28"/>
          <w:lang w:val="en-US"/>
        </w:rPr>
        <w:t>Actual Return – CAPM Return</w:t>
      </w:r>
    </w:p>
    <w:p w14:paraId="7F835B0E" w14:textId="77777777" w:rsidR="007428C4" w:rsidRPr="009C09AD" w:rsidRDefault="007428C4" w:rsidP="007428C4">
      <w:pPr>
        <w:jc w:val="center"/>
        <w:rPr>
          <w:rFonts w:cstheme="minorHAnsi"/>
          <w:b/>
          <w:bCs/>
          <w:color w:val="000000"/>
          <w:sz w:val="28"/>
          <w:szCs w:val="28"/>
          <w:lang w:val="en-US"/>
        </w:rPr>
      </w:pPr>
    </w:p>
    <w:p w14:paraId="5182CA07" w14:textId="77777777" w:rsidR="007428C4" w:rsidRPr="009C09AD" w:rsidRDefault="007428C4" w:rsidP="00D020A1">
      <w:pPr>
        <w:rPr>
          <w:rFonts w:cstheme="minorHAnsi"/>
          <w:b/>
          <w:bCs/>
          <w:color w:val="000000"/>
          <w:sz w:val="40"/>
          <w:szCs w:val="40"/>
          <w:u w:val="single"/>
          <w:lang w:val="en-US"/>
        </w:rPr>
      </w:pPr>
    </w:p>
    <w:p w14:paraId="79F24AFB" w14:textId="2314014E" w:rsidR="0058269A" w:rsidRPr="009C09AD" w:rsidRDefault="00113F71" w:rsidP="00D020A1">
      <w:pPr>
        <w:rPr>
          <w:rFonts w:cstheme="minorHAnsi"/>
          <w:b/>
          <w:bCs/>
          <w:color w:val="000000"/>
          <w:sz w:val="40"/>
          <w:szCs w:val="40"/>
          <w:u w:val="single"/>
          <w:lang w:val="en-US"/>
        </w:rPr>
      </w:pPr>
      <w:r w:rsidRPr="009C09AD">
        <w:rPr>
          <w:rFonts w:cstheme="minorHAnsi"/>
          <w:b/>
          <w:bCs/>
          <w:color w:val="000000"/>
          <w:sz w:val="40"/>
          <w:szCs w:val="40"/>
          <w:u w:val="single"/>
          <w:lang w:val="en-US"/>
        </w:rPr>
        <w:t>PART A</w:t>
      </w:r>
    </w:p>
    <w:p w14:paraId="3AEC6FC3" w14:textId="36F04244" w:rsidR="00113F71" w:rsidRPr="009C09AD" w:rsidRDefault="008C550E" w:rsidP="00D020A1">
      <w:pPr>
        <w:rPr>
          <w:rFonts w:cstheme="minorHAnsi"/>
          <w:sz w:val="28"/>
          <w:szCs w:val="28"/>
          <w:lang w:val="en-US"/>
        </w:rPr>
      </w:pPr>
      <w:r w:rsidRPr="009C09AD">
        <w:rPr>
          <w:rFonts w:cstheme="minorHAnsi"/>
          <w:noProof/>
        </w:rPr>
        <w:drawing>
          <wp:inline distT="0" distB="0" distL="0" distR="0" wp14:anchorId="7FF4D929" wp14:editId="110182CA">
            <wp:extent cx="3429000" cy="2125980"/>
            <wp:effectExtent l="0" t="0" r="0" b="7620"/>
            <wp:docPr id="1580267061" name="Chart 1">
              <a:extLst xmlns:a="http://schemas.openxmlformats.org/drawingml/2006/main">
                <a:ext uri="{FF2B5EF4-FFF2-40B4-BE49-F238E27FC236}">
                  <a16:creationId xmlns:a16="http://schemas.microsoft.com/office/drawing/2014/main" id="{AE06CEC7-F36E-4FC7-8EEF-19DC6B4B606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
              </a:graphicData>
            </a:graphic>
          </wp:inline>
        </w:drawing>
      </w:r>
      <w:r w:rsidR="007F0936" w:rsidRPr="009C09AD">
        <w:rPr>
          <w:rFonts w:cstheme="minorHAnsi"/>
          <w:noProof/>
        </w:rPr>
        <w:t xml:space="preserve"> </w:t>
      </w:r>
      <w:r w:rsidR="007F0936" w:rsidRPr="009C09AD">
        <w:rPr>
          <w:rFonts w:cstheme="minorHAnsi"/>
          <w:noProof/>
        </w:rPr>
        <w:drawing>
          <wp:inline distT="0" distB="0" distL="0" distR="0" wp14:anchorId="56074B2C" wp14:editId="1FEAF3E2">
            <wp:extent cx="3147060" cy="2087880"/>
            <wp:effectExtent l="0" t="0" r="15240" b="7620"/>
            <wp:docPr id="953882758" name="Chart 1">
              <a:extLst xmlns:a="http://schemas.openxmlformats.org/drawingml/2006/main">
                <a:ext uri="{FF2B5EF4-FFF2-40B4-BE49-F238E27FC236}">
                  <a16:creationId xmlns:a16="http://schemas.microsoft.com/office/drawing/2014/main" id="{7FF4D64A-6BA4-A545-979A-F0204CDD0BA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
              </a:graphicData>
            </a:graphic>
          </wp:inline>
        </w:drawing>
      </w:r>
    </w:p>
    <w:p w14:paraId="68BA8037" w14:textId="77777777" w:rsidR="00F11A20" w:rsidRPr="009C09AD" w:rsidRDefault="00F11A20" w:rsidP="00D020A1">
      <w:pPr>
        <w:rPr>
          <w:rFonts w:cstheme="minorHAnsi"/>
          <w:sz w:val="28"/>
          <w:szCs w:val="28"/>
          <w:lang w:val="en-US"/>
        </w:rPr>
      </w:pPr>
    </w:p>
    <w:p w14:paraId="35A88BFB" w14:textId="77777777" w:rsidR="00D833B0" w:rsidRPr="009C09AD" w:rsidRDefault="00D833B0" w:rsidP="00D020A1">
      <w:pPr>
        <w:rPr>
          <w:rFonts w:cstheme="minorHAnsi"/>
          <w:sz w:val="28"/>
          <w:szCs w:val="28"/>
          <w:lang w:val="en-US"/>
        </w:rPr>
      </w:pPr>
      <w:r w:rsidRPr="009C09AD">
        <w:rPr>
          <w:rFonts w:cstheme="minorHAnsi"/>
          <w:sz w:val="28"/>
          <w:szCs w:val="28"/>
          <w:lang w:val="en-US"/>
        </w:rPr>
        <w:t xml:space="preserve">From the graph plotted for Alpha (α), we can see clear deviations in the value of Alpha. However, the value of the deviations is not statistically significant as the deviations are not huge. In the Excel Calculations, I have used t-statistic to check the significance of Alpha. From the calculations, we can see that if we use 1% as the level of significance, then portfolios like SMALL LoBM, ME1 BM4, SMALL HiBM, ME3 BM2, ME4 BM2, BIG LoBM and </w:t>
      </w:r>
      <w:r w:rsidRPr="009C09AD">
        <w:rPr>
          <w:rFonts w:cstheme="minorHAnsi"/>
          <w:sz w:val="28"/>
          <w:szCs w:val="28"/>
          <w:lang w:val="en-US"/>
        </w:rPr>
        <w:lastRenderedPageBreak/>
        <w:t>ME5 BM4 fail to pass the CAPM test. If we use a standard significance level of 5%, then CAPM holds, and every portfolio passes the CAPM test as the Residual value is insignificant.</w:t>
      </w:r>
    </w:p>
    <w:p w14:paraId="3A19F7B0" w14:textId="77777777" w:rsidR="00340A59" w:rsidRPr="009C09AD" w:rsidRDefault="00340A59" w:rsidP="00D020A1">
      <w:pPr>
        <w:rPr>
          <w:rFonts w:cstheme="minorHAnsi"/>
          <w:sz w:val="28"/>
          <w:szCs w:val="28"/>
          <w:lang w:val="en-US"/>
        </w:rPr>
      </w:pPr>
    </w:p>
    <w:p w14:paraId="1FD9F065" w14:textId="30F4AD49" w:rsidR="001E5556" w:rsidRPr="009C09AD" w:rsidRDefault="00572FF2" w:rsidP="00D020A1">
      <w:pPr>
        <w:rPr>
          <w:rFonts w:cstheme="minorHAnsi"/>
          <w:b/>
          <w:bCs/>
          <w:sz w:val="40"/>
          <w:szCs w:val="40"/>
          <w:u w:val="single"/>
          <w:lang w:val="en-US"/>
        </w:rPr>
      </w:pPr>
      <w:r w:rsidRPr="009C09AD">
        <w:rPr>
          <w:rFonts w:cstheme="minorHAnsi"/>
          <w:b/>
          <w:bCs/>
          <w:sz w:val="40"/>
          <w:szCs w:val="40"/>
          <w:u w:val="single"/>
          <w:lang w:val="en-US"/>
        </w:rPr>
        <w:t>PART B</w:t>
      </w:r>
    </w:p>
    <w:p w14:paraId="34C5A6B7" w14:textId="4D7C00C8" w:rsidR="00FE7F29" w:rsidRPr="009C09AD" w:rsidRDefault="006534E2" w:rsidP="002770DA">
      <w:pPr>
        <w:jc w:val="center"/>
        <w:rPr>
          <w:rFonts w:cstheme="minorHAnsi"/>
          <w:sz w:val="28"/>
          <w:szCs w:val="28"/>
          <w:lang w:val="en-US"/>
        </w:rPr>
      </w:pPr>
      <w:r w:rsidRPr="009C09AD">
        <w:rPr>
          <w:rFonts w:cstheme="minorHAnsi"/>
          <w:noProof/>
        </w:rPr>
        <w:drawing>
          <wp:inline distT="0" distB="0" distL="0" distR="0" wp14:anchorId="4624544F" wp14:editId="2D32DC98">
            <wp:extent cx="6096000" cy="3063240"/>
            <wp:effectExtent l="0" t="0" r="0" b="3810"/>
            <wp:docPr id="1226978466" name="Chart 1">
              <a:extLst xmlns:a="http://schemas.openxmlformats.org/drawingml/2006/main">
                <a:ext uri="{FF2B5EF4-FFF2-40B4-BE49-F238E27FC236}">
                  <a16:creationId xmlns:a16="http://schemas.microsoft.com/office/drawing/2014/main" id="{264FD54A-617D-773B-4806-0CB3BC125F8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
              </a:graphicData>
            </a:graphic>
          </wp:inline>
        </w:drawing>
      </w:r>
    </w:p>
    <w:p w14:paraId="5954FC0D" w14:textId="77777777" w:rsidR="003C76E0" w:rsidRPr="009C09AD" w:rsidRDefault="003C76E0" w:rsidP="001B4B62">
      <w:pPr>
        <w:rPr>
          <w:rFonts w:cstheme="minorHAnsi"/>
          <w:sz w:val="28"/>
          <w:szCs w:val="28"/>
          <w:lang w:val="en-US"/>
        </w:rPr>
      </w:pPr>
    </w:p>
    <w:p w14:paraId="55893C38" w14:textId="77777777" w:rsidR="007F55EB" w:rsidRPr="009C09AD" w:rsidRDefault="007F55EB" w:rsidP="007F55EB">
      <w:pPr>
        <w:rPr>
          <w:rFonts w:cstheme="minorHAnsi"/>
          <w:sz w:val="28"/>
          <w:szCs w:val="28"/>
          <w:lang w:val="en-US"/>
        </w:rPr>
      </w:pPr>
      <w:r w:rsidRPr="009C09AD">
        <w:rPr>
          <w:rFonts w:cstheme="minorHAnsi"/>
          <w:sz w:val="28"/>
          <w:szCs w:val="28"/>
          <w:lang w:val="en-US"/>
        </w:rPr>
        <w:t>From the line graph, we can see that during the FOMC period the absolute value of the residual (alpha) is higher than the non FOMC period. To check the statistical significance of the calculated alpha, we will use the t-statistic calculated in Excel with a level of significance of 5%. For the FOMC period we can see that the portfolio SMALL LoBM (5%), SMALL HiBM (8%), ME2 BM3 (7%), ME3 BM1 (10%), ME3 BM2 (9%), ME4 BM1 (9%), ME4 BM5 (5%), ME5 BM3 (6%), ME5 BM4 (5%) and BIG HiBM (5%) have failed to perform during the CAPM test. On the other hand, all the portfolios during the NON FOMC period holds the CAPM test because of near to zero alpha values and having a level of significance under 5%. During the FOMC period, we also saw that beta didn’t remain consistent between the two periods.</w:t>
      </w:r>
    </w:p>
    <w:p w14:paraId="6698895A" w14:textId="0CD81174" w:rsidR="003F7F36" w:rsidRPr="009C09AD" w:rsidRDefault="007F55EB" w:rsidP="007F55EB">
      <w:pPr>
        <w:rPr>
          <w:rFonts w:cstheme="minorHAnsi"/>
          <w:sz w:val="28"/>
          <w:szCs w:val="28"/>
          <w:lang w:val="en-US"/>
        </w:rPr>
      </w:pPr>
      <w:r w:rsidRPr="009C09AD">
        <w:rPr>
          <w:rFonts w:cstheme="minorHAnsi"/>
          <w:sz w:val="28"/>
          <w:szCs w:val="28"/>
          <w:lang w:val="en-US"/>
        </w:rPr>
        <w:t>This means that CAPM did not hold during the FOCM announcement and the period surrounding it.</w:t>
      </w:r>
    </w:p>
    <w:p w14:paraId="420B3528" w14:textId="3EBC07FE" w:rsidR="003F7F36" w:rsidRPr="009C09AD" w:rsidRDefault="003F7F36" w:rsidP="001B4B62">
      <w:pPr>
        <w:rPr>
          <w:rFonts w:cstheme="minorHAnsi"/>
          <w:b/>
          <w:bCs/>
          <w:sz w:val="40"/>
          <w:szCs w:val="40"/>
          <w:u w:val="single"/>
          <w:lang w:val="en-US"/>
        </w:rPr>
      </w:pPr>
      <w:r w:rsidRPr="009C09AD">
        <w:rPr>
          <w:rFonts w:cstheme="minorHAnsi"/>
          <w:b/>
          <w:bCs/>
          <w:sz w:val="40"/>
          <w:szCs w:val="40"/>
          <w:u w:val="single"/>
          <w:lang w:val="en-US"/>
        </w:rPr>
        <w:t>PART C</w:t>
      </w:r>
    </w:p>
    <w:p w14:paraId="6DFA9F7E" w14:textId="29A0C283" w:rsidR="005231EB" w:rsidRPr="009C09AD" w:rsidRDefault="00040517" w:rsidP="00626252">
      <w:pPr>
        <w:rPr>
          <w:rFonts w:cstheme="minorHAnsi"/>
          <w:sz w:val="28"/>
          <w:szCs w:val="28"/>
          <w:lang w:val="en-US"/>
        </w:rPr>
      </w:pPr>
      <w:r w:rsidRPr="009C09AD">
        <w:rPr>
          <w:rFonts w:cstheme="minorHAnsi"/>
          <w:sz w:val="28"/>
          <w:szCs w:val="28"/>
          <w:lang w:val="en-US"/>
        </w:rPr>
        <w:t>The FOMC announcements determine US monetary policies. These policies affect various aspects, such as interest rates on assets, asset valuation, and overall growth. People wait for these announcements, trying to predict policy changes and shifts. Because of such predictions and plans to mitigate the effect of these new policies, investors use various methods to overcome the adverse effects of these monetary policies. Such plans cause a residual, an excess return to be created. The CAPM works on the assumption of a linear relationship between risk and return. It employs a beta created using historical data.</w:t>
      </w:r>
    </w:p>
    <w:p w14:paraId="3D48BC21" w14:textId="08612E4C" w:rsidR="00BC082F" w:rsidRPr="009C09AD" w:rsidRDefault="00BC082F" w:rsidP="00BC082F">
      <w:pPr>
        <w:jc w:val="center"/>
        <w:rPr>
          <w:rFonts w:cstheme="minorHAnsi"/>
          <w:b/>
          <w:bCs/>
          <w:sz w:val="28"/>
          <w:szCs w:val="28"/>
        </w:rPr>
      </w:pPr>
      <w:r w:rsidRPr="009C09AD">
        <w:rPr>
          <w:rFonts w:cstheme="minorHAnsi"/>
          <w:b/>
          <w:bCs/>
          <w:sz w:val="28"/>
          <w:szCs w:val="28"/>
        </w:rPr>
        <w:lastRenderedPageBreak/>
        <w:t>E(R</w:t>
      </w:r>
      <w:r w:rsidRPr="009C09AD">
        <w:rPr>
          <w:rFonts w:cstheme="minorHAnsi"/>
          <w:b/>
          <w:bCs/>
          <w:sz w:val="28"/>
          <w:szCs w:val="28"/>
          <w:vertAlign w:val="subscript"/>
        </w:rPr>
        <w:t>i</w:t>
      </w:r>
      <w:r w:rsidRPr="009C09AD">
        <w:rPr>
          <w:rFonts w:cstheme="minorHAnsi"/>
          <w:b/>
          <w:bCs/>
          <w:sz w:val="28"/>
          <w:szCs w:val="28"/>
        </w:rPr>
        <w:t>​)</w:t>
      </w:r>
      <w:r w:rsidRPr="009C09AD">
        <w:rPr>
          <w:rFonts w:cstheme="minorHAnsi"/>
          <w:b/>
          <w:bCs/>
          <w:sz w:val="28"/>
          <w:szCs w:val="28"/>
          <w:vertAlign w:val="subscript"/>
        </w:rPr>
        <w:t xml:space="preserve"> ​</w:t>
      </w:r>
      <w:r w:rsidRPr="009C09AD">
        <w:rPr>
          <w:rFonts w:cstheme="minorHAnsi"/>
          <w:b/>
          <w:bCs/>
          <w:sz w:val="28"/>
          <w:szCs w:val="28"/>
        </w:rPr>
        <w:t>= R</w:t>
      </w:r>
      <w:r w:rsidRPr="009C09AD">
        <w:rPr>
          <w:rFonts w:cstheme="minorHAnsi"/>
          <w:b/>
          <w:bCs/>
          <w:sz w:val="28"/>
          <w:szCs w:val="28"/>
          <w:vertAlign w:val="subscript"/>
        </w:rPr>
        <w:t>f</w:t>
      </w:r>
      <w:r w:rsidRPr="009C09AD">
        <w:rPr>
          <w:rFonts w:cstheme="minorHAnsi"/>
          <w:b/>
          <w:bCs/>
          <w:sz w:val="28"/>
          <w:szCs w:val="28"/>
        </w:rPr>
        <w:t xml:space="preserve"> + β ​× (E(R</w:t>
      </w:r>
      <w:r w:rsidRPr="009C09AD">
        <w:rPr>
          <w:rFonts w:cstheme="minorHAnsi"/>
          <w:b/>
          <w:bCs/>
          <w:sz w:val="28"/>
          <w:szCs w:val="28"/>
          <w:vertAlign w:val="subscript"/>
        </w:rPr>
        <w:t>m</w:t>
      </w:r>
      <w:r w:rsidRPr="009C09AD">
        <w:rPr>
          <w:rFonts w:cstheme="minorHAnsi"/>
          <w:b/>
          <w:bCs/>
          <w:sz w:val="28"/>
          <w:szCs w:val="28"/>
        </w:rPr>
        <w:t>​)−R</w:t>
      </w:r>
      <w:r w:rsidRPr="009C09AD">
        <w:rPr>
          <w:rFonts w:cstheme="minorHAnsi"/>
          <w:b/>
          <w:bCs/>
          <w:sz w:val="28"/>
          <w:szCs w:val="28"/>
          <w:vertAlign w:val="subscript"/>
        </w:rPr>
        <w:t>f</w:t>
      </w:r>
      <w:r w:rsidRPr="009C09AD">
        <w:rPr>
          <w:rFonts w:cstheme="minorHAnsi"/>
          <w:b/>
          <w:bCs/>
          <w:sz w:val="28"/>
          <w:szCs w:val="28"/>
        </w:rPr>
        <w:t>​)</w:t>
      </w:r>
    </w:p>
    <w:p w14:paraId="66D98AF3" w14:textId="6C3919A9" w:rsidR="00BC082F" w:rsidRPr="009C09AD" w:rsidRDefault="00BC082F" w:rsidP="00BC082F">
      <w:pPr>
        <w:pStyle w:val="ListParagraph"/>
        <w:numPr>
          <w:ilvl w:val="0"/>
          <w:numId w:val="1"/>
        </w:numPr>
        <w:rPr>
          <w:rFonts w:cstheme="minorHAnsi"/>
          <w:sz w:val="28"/>
          <w:szCs w:val="28"/>
        </w:rPr>
      </w:pPr>
      <w:r w:rsidRPr="009C09AD">
        <w:rPr>
          <w:rFonts w:cstheme="minorHAnsi"/>
          <w:sz w:val="28"/>
          <w:szCs w:val="28"/>
        </w:rPr>
        <w:t>E(R</w:t>
      </w:r>
      <w:r w:rsidRPr="009C09AD">
        <w:rPr>
          <w:rFonts w:cstheme="minorHAnsi"/>
          <w:sz w:val="28"/>
          <w:szCs w:val="28"/>
          <w:vertAlign w:val="subscript"/>
        </w:rPr>
        <w:t>i</w:t>
      </w:r>
      <w:r w:rsidRPr="009C09AD">
        <w:rPr>
          <w:rFonts w:cstheme="minorHAnsi"/>
          <w:sz w:val="28"/>
          <w:szCs w:val="28"/>
        </w:rPr>
        <w:t>​)</w:t>
      </w:r>
      <w:r w:rsidRPr="009C09AD">
        <w:rPr>
          <w:rFonts w:cstheme="minorHAnsi"/>
          <w:sz w:val="28"/>
          <w:szCs w:val="28"/>
          <w:vertAlign w:val="subscript"/>
        </w:rPr>
        <w:t xml:space="preserve"> ​</w:t>
      </w:r>
      <w:r w:rsidRPr="009C09AD">
        <w:rPr>
          <w:rFonts w:cstheme="minorHAnsi"/>
          <w:sz w:val="28"/>
          <w:szCs w:val="28"/>
        </w:rPr>
        <w:t>= R</w:t>
      </w:r>
      <w:r w:rsidRPr="009C09AD">
        <w:rPr>
          <w:rFonts w:cstheme="minorHAnsi"/>
          <w:sz w:val="28"/>
          <w:szCs w:val="28"/>
          <w:vertAlign w:val="subscript"/>
        </w:rPr>
        <w:t>f</w:t>
      </w:r>
      <w:r w:rsidRPr="009C09AD">
        <w:rPr>
          <w:rFonts w:cstheme="minorHAnsi"/>
          <w:sz w:val="28"/>
          <w:szCs w:val="28"/>
        </w:rPr>
        <w:t xml:space="preserve"> + β ​× (E(R</w:t>
      </w:r>
      <w:r w:rsidRPr="009C09AD">
        <w:rPr>
          <w:rFonts w:cstheme="minorHAnsi"/>
          <w:sz w:val="28"/>
          <w:szCs w:val="28"/>
          <w:vertAlign w:val="subscript"/>
        </w:rPr>
        <w:t>m</w:t>
      </w:r>
      <w:r w:rsidRPr="009C09AD">
        <w:rPr>
          <w:rFonts w:cstheme="minorHAnsi"/>
          <w:sz w:val="28"/>
          <w:szCs w:val="28"/>
        </w:rPr>
        <w:t>​)−R</w:t>
      </w:r>
      <w:r w:rsidRPr="009C09AD">
        <w:rPr>
          <w:rFonts w:cstheme="minorHAnsi"/>
          <w:sz w:val="28"/>
          <w:szCs w:val="28"/>
          <w:vertAlign w:val="subscript"/>
        </w:rPr>
        <w:t>f</w:t>
      </w:r>
      <w:r w:rsidRPr="009C09AD">
        <w:rPr>
          <w:rFonts w:cstheme="minorHAnsi"/>
          <w:sz w:val="28"/>
          <w:szCs w:val="28"/>
        </w:rPr>
        <w:t>​)</w:t>
      </w:r>
    </w:p>
    <w:p w14:paraId="16A710D0" w14:textId="1E479A27" w:rsidR="00BC082F" w:rsidRPr="009C09AD" w:rsidRDefault="00BC082F" w:rsidP="00BC082F">
      <w:pPr>
        <w:pStyle w:val="ListParagraph"/>
        <w:numPr>
          <w:ilvl w:val="0"/>
          <w:numId w:val="1"/>
        </w:numPr>
        <w:rPr>
          <w:rFonts w:cstheme="minorHAnsi"/>
          <w:sz w:val="28"/>
          <w:szCs w:val="28"/>
        </w:rPr>
      </w:pPr>
      <w:r w:rsidRPr="009C09AD">
        <w:rPr>
          <w:rFonts w:cstheme="minorHAnsi"/>
          <w:sz w:val="28"/>
          <w:szCs w:val="28"/>
        </w:rPr>
        <w:t>E(R</w:t>
      </w:r>
      <w:r w:rsidRPr="009C09AD">
        <w:rPr>
          <w:rFonts w:cstheme="minorHAnsi"/>
          <w:sz w:val="28"/>
          <w:szCs w:val="28"/>
          <w:vertAlign w:val="subscript"/>
        </w:rPr>
        <w:t>i</w:t>
      </w:r>
      <w:r w:rsidRPr="009C09AD">
        <w:rPr>
          <w:rFonts w:cstheme="minorHAnsi"/>
          <w:sz w:val="28"/>
          <w:szCs w:val="28"/>
        </w:rPr>
        <w:t>​)</w:t>
      </w:r>
      <w:r w:rsidR="003E0B63" w:rsidRPr="009C09AD">
        <w:rPr>
          <w:rFonts w:cstheme="minorHAnsi"/>
          <w:sz w:val="28"/>
          <w:szCs w:val="28"/>
        </w:rPr>
        <w:t xml:space="preserve"> - R</w:t>
      </w:r>
      <w:r w:rsidR="003E0B63" w:rsidRPr="009C09AD">
        <w:rPr>
          <w:rFonts w:cstheme="minorHAnsi"/>
          <w:sz w:val="28"/>
          <w:szCs w:val="28"/>
          <w:vertAlign w:val="subscript"/>
        </w:rPr>
        <w:t>f</w:t>
      </w:r>
      <w:r w:rsidRPr="009C09AD">
        <w:rPr>
          <w:rFonts w:cstheme="minorHAnsi"/>
          <w:sz w:val="28"/>
          <w:szCs w:val="28"/>
          <w:vertAlign w:val="subscript"/>
        </w:rPr>
        <w:t xml:space="preserve"> </w:t>
      </w:r>
      <w:r w:rsidR="003E0B63" w:rsidRPr="009C09AD">
        <w:rPr>
          <w:rFonts w:cstheme="minorHAnsi"/>
          <w:sz w:val="28"/>
          <w:szCs w:val="28"/>
          <w:vertAlign w:val="subscript"/>
        </w:rPr>
        <w:t xml:space="preserve"> </w:t>
      </w:r>
      <w:r w:rsidRPr="009C09AD">
        <w:rPr>
          <w:rFonts w:cstheme="minorHAnsi"/>
          <w:sz w:val="28"/>
          <w:szCs w:val="28"/>
          <w:vertAlign w:val="subscript"/>
        </w:rPr>
        <w:t>​</w:t>
      </w:r>
      <w:r w:rsidRPr="009C09AD">
        <w:rPr>
          <w:rFonts w:cstheme="minorHAnsi"/>
          <w:sz w:val="28"/>
          <w:szCs w:val="28"/>
        </w:rPr>
        <w:t>= β ​× (E(R</w:t>
      </w:r>
      <w:r w:rsidRPr="009C09AD">
        <w:rPr>
          <w:rFonts w:cstheme="minorHAnsi"/>
          <w:sz w:val="28"/>
          <w:szCs w:val="28"/>
          <w:vertAlign w:val="subscript"/>
        </w:rPr>
        <w:t>m</w:t>
      </w:r>
      <w:r w:rsidRPr="009C09AD">
        <w:rPr>
          <w:rFonts w:cstheme="minorHAnsi"/>
          <w:sz w:val="28"/>
          <w:szCs w:val="28"/>
        </w:rPr>
        <w:t>​)−R</w:t>
      </w:r>
      <w:r w:rsidRPr="009C09AD">
        <w:rPr>
          <w:rFonts w:cstheme="minorHAnsi"/>
          <w:sz w:val="28"/>
          <w:szCs w:val="28"/>
          <w:vertAlign w:val="subscript"/>
        </w:rPr>
        <w:t>f</w:t>
      </w:r>
      <w:r w:rsidRPr="009C09AD">
        <w:rPr>
          <w:rFonts w:cstheme="minorHAnsi"/>
          <w:sz w:val="28"/>
          <w:szCs w:val="28"/>
        </w:rPr>
        <w:t>​)</w:t>
      </w:r>
    </w:p>
    <w:p w14:paraId="19765E22" w14:textId="77777777" w:rsidR="003E0B63" w:rsidRPr="009C09AD" w:rsidRDefault="003E0B63" w:rsidP="003E0B63">
      <w:pPr>
        <w:pStyle w:val="ListParagraph"/>
        <w:numPr>
          <w:ilvl w:val="0"/>
          <w:numId w:val="1"/>
        </w:numPr>
        <w:rPr>
          <w:rFonts w:cstheme="minorHAnsi"/>
          <w:sz w:val="28"/>
          <w:szCs w:val="28"/>
        </w:rPr>
      </w:pPr>
      <w:r w:rsidRPr="009C09AD">
        <w:rPr>
          <w:rFonts w:cstheme="minorHAnsi"/>
          <w:sz w:val="28"/>
          <w:szCs w:val="28"/>
        </w:rPr>
        <w:t>Β = (E(R</w:t>
      </w:r>
      <w:r w:rsidRPr="009C09AD">
        <w:rPr>
          <w:rFonts w:cstheme="minorHAnsi"/>
          <w:sz w:val="28"/>
          <w:szCs w:val="28"/>
          <w:vertAlign w:val="subscript"/>
        </w:rPr>
        <w:t>i</w:t>
      </w:r>
      <w:r w:rsidRPr="009C09AD">
        <w:rPr>
          <w:rFonts w:cstheme="minorHAnsi"/>
          <w:sz w:val="28"/>
          <w:szCs w:val="28"/>
        </w:rPr>
        <w:t>​) - R</w:t>
      </w:r>
      <w:r w:rsidRPr="009C09AD">
        <w:rPr>
          <w:rFonts w:cstheme="minorHAnsi"/>
          <w:sz w:val="28"/>
          <w:szCs w:val="28"/>
          <w:vertAlign w:val="subscript"/>
        </w:rPr>
        <w:t>f</w:t>
      </w:r>
      <w:r w:rsidRPr="009C09AD">
        <w:rPr>
          <w:rFonts w:cstheme="minorHAnsi"/>
          <w:sz w:val="28"/>
          <w:szCs w:val="28"/>
        </w:rPr>
        <w:t>) / (E(R</w:t>
      </w:r>
      <w:r w:rsidRPr="009C09AD">
        <w:rPr>
          <w:rFonts w:cstheme="minorHAnsi"/>
          <w:sz w:val="28"/>
          <w:szCs w:val="28"/>
          <w:vertAlign w:val="subscript"/>
        </w:rPr>
        <w:t>m</w:t>
      </w:r>
      <w:r w:rsidRPr="009C09AD">
        <w:rPr>
          <w:rFonts w:cstheme="minorHAnsi"/>
          <w:sz w:val="28"/>
          <w:szCs w:val="28"/>
        </w:rPr>
        <w:t>​)−R</w:t>
      </w:r>
      <w:r w:rsidRPr="009C09AD">
        <w:rPr>
          <w:rFonts w:cstheme="minorHAnsi"/>
          <w:sz w:val="28"/>
          <w:szCs w:val="28"/>
          <w:vertAlign w:val="subscript"/>
        </w:rPr>
        <w:t>f</w:t>
      </w:r>
      <w:r w:rsidRPr="009C09AD">
        <w:rPr>
          <w:rFonts w:cstheme="minorHAnsi"/>
          <w:sz w:val="28"/>
          <w:szCs w:val="28"/>
        </w:rPr>
        <w:t>​)</w:t>
      </w:r>
    </w:p>
    <w:p w14:paraId="27C23D3A" w14:textId="05D57D5E" w:rsidR="00BC082F" w:rsidRPr="009C09AD" w:rsidRDefault="003E0B63" w:rsidP="00BC082F">
      <w:pPr>
        <w:pStyle w:val="ListParagraph"/>
        <w:numPr>
          <w:ilvl w:val="0"/>
          <w:numId w:val="1"/>
        </w:numPr>
        <w:rPr>
          <w:rFonts w:cstheme="minorHAnsi"/>
          <w:sz w:val="28"/>
          <w:szCs w:val="28"/>
        </w:rPr>
      </w:pPr>
      <w:r w:rsidRPr="009C09AD">
        <w:rPr>
          <w:rFonts w:cstheme="minorHAnsi"/>
          <w:sz w:val="28"/>
          <w:szCs w:val="28"/>
        </w:rPr>
        <w:t>Beta Calculated using historical data</w:t>
      </w:r>
      <w:r w:rsidR="001000F9" w:rsidRPr="009C09AD">
        <w:rPr>
          <w:rFonts w:cstheme="minorHAnsi"/>
          <w:sz w:val="28"/>
          <w:szCs w:val="28"/>
        </w:rPr>
        <w:t xml:space="preserve"> is the slope</w:t>
      </w:r>
    </w:p>
    <w:p w14:paraId="3C55CEA5" w14:textId="1CC4D85E" w:rsidR="00C874F5" w:rsidRPr="009C09AD" w:rsidRDefault="00C874F5" w:rsidP="00C874F5">
      <w:pPr>
        <w:rPr>
          <w:rFonts w:cstheme="minorHAnsi"/>
          <w:sz w:val="28"/>
          <w:szCs w:val="28"/>
        </w:rPr>
      </w:pPr>
      <w:r w:rsidRPr="009C09AD">
        <w:rPr>
          <w:rFonts w:cstheme="minorHAnsi"/>
          <w:sz w:val="28"/>
          <w:szCs w:val="28"/>
        </w:rPr>
        <w:t>E(R</w:t>
      </w:r>
      <w:r w:rsidRPr="009C09AD">
        <w:rPr>
          <w:rFonts w:cstheme="minorHAnsi"/>
          <w:sz w:val="28"/>
          <w:szCs w:val="28"/>
          <w:vertAlign w:val="subscript"/>
        </w:rPr>
        <w:t>i</w:t>
      </w:r>
      <w:r w:rsidRPr="009C09AD">
        <w:rPr>
          <w:rFonts w:cstheme="minorHAnsi"/>
          <w:sz w:val="28"/>
          <w:szCs w:val="28"/>
        </w:rPr>
        <w:t>​) = Rep</w:t>
      </w:r>
      <w:r w:rsidR="007927AA" w:rsidRPr="009C09AD">
        <w:rPr>
          <w:rFonts w:cstheme="minorHAnsi"/>
          <w:sz w:val="28"/>
          <w:szCs w:val="28"/>
        </w:rPr>
        <w:t>resents the expected return</w:t>
      </w:r>
    </w:p>
    <w:p w14:paraId="6C852985" w14:textId="77777777" w:rsidR="001000F9" w:rsidRPr="009C09AD" w:rsidRDefault="007927AA" w:rsidP="00C874F5">
      <w:pPr>
        <w:rPr>
          <w:rFonts w:cstheme="minorHAnsi"/>
          <w:sz w:val="28"/>
          <w:szCs w:val="28"/>
        </w:rPr>
      </w:pPr>
      <w:r w:rsidRPr="009C09AD">
        <w:rPr>
          <w:rFonts w:cstheme="minorHAnsi"/>
          <w:sz w:val="28"/>
          <w:szCs w:val="28"/>
        </w:rPr>
        <w:t>R</w:t>
      </w:r>
      <w:r w:rsidRPr="009C09AD">
        <w:rPr>
          <w:rFonts w:cstheme="minorHAnsi"/>
          <w:sz w:val="28"/>
          <w:szCs w:val="28"/>
          <w:vertAlign w:val="subscript"/>
        </w:rPr>
        <w:t>f</w:t>
      </w:r>
      <w:r w:rsidRPr="009C09AD">
        <w:rPr>
          <w:rFonts w:cstheme="minorHAnsi"/>
          <w:sz w:val="28"/>
          <w:szCs w:val="28"/>
        </w:rPr>
        <w:t xml:space="preserve"> = Represents the </w:t>
      </w:r>
      <w:r w:rsidR="001000F9" w:rsidRPr="009C09AD">
        <w:rPr>
          <w:rFonts w:cstheme="minorHAnsi"/>
          <w:sz w:val="28"/>
          <w:szCs w:val="28"/>
        </w:rPr>
        <w:t>Market Risk</w:t>
      </w:r>
    </w:p>
    <w:p w14:paraId="64A35E84" w14:textId="2C4A5E4A" w:rsidR="001000F9" w:rsidRPr="009C09AD" w:rsidRDefault="007927AA" w:rsidP="00C874F5">
      <w:pPr>
        <w:rPr>
          <w:rFonts w:cstheme="minorHAnsi"/>
          <w:sz w:val="28"/>
          <w:szCs w:val="28"/>
        </w:rPr>
      </w:pPr>
      <w:r w:rsidRPr="009C09AD">
        <w:rPr>
          <w:rFonts w:cstheme="minorHAnsi"/>
          <w:sz w:val="28"/>
          <w:szCs w:val="28"/>
        </w:rPr>
        <w:t xml:space="preserve"> </w:t>
      </w:r>
      <w:r w:rsidR="001000F9" w:rsidRPr="009C09AD">
        <w:rPr>
          <w:rFonts w:cstheme="minorHAnsi"/>
          <w:sz w:val="28"/>
          <w:szCs w:val="28"/>
        </w:rPr>
        <w:t>E(R</w:t>
      </w:r>
      <w:r w:rsidR="001000F9" w:rsidRPr="009C09AD">
        <w:rPr>
          <w:rFonts w:cstheme="minorHAnsi"/>
          <w:sz w:val="28"/>
          <w:szCs w:val="28"/>
          <w:vertAlign w:val="subscript"/>
        </w:rPr>
        <w:t>m</w:t>
      </w:r>
      <w:r w:rsidR="001000F9" w:rsidRPr="009C09AD">
        <w:rPr>
          <w:rFonts w:cstheme="minorHAnsi"/>
          <w:sz w:val="28"/>
          <w:szCs w:val="28"/>
        </w:rPr>
        <w:t>​) = Represents the Market Return</w:t>
      </w:r>
    </w:p>
    <w:p w14:paraId="501C4AB0" w14:textId="13820B4B" w:rsidR="001000F9" w:rsidRPr="009C09AD" w:rsidRDefault="001000F9" w:rsidP="00C874F5">
      <w:pPr>
        <w:rPr>
          <w:rFonts w:cstheme="minorHAnsi"/>
          <w:sz w:val="28"/>
          <w:szCs w:val="28"/>
        </w:rPr>
      </w:pPr>
      <w:r w:rsidRPr="009C09AD">
        <w:rPr>
          <w:rFonts w:cstheme="minorHAnsi"/>
          <w:sz w:val="28"/>
          <w:szCs w:val="28"/>
        </w:rPr>
        <w:t>(E(R</w:t>
      </w:r>
      <w:r w:rsidRPr="009C09AD">
        <w:rPr>
          <w:rFonts w:cstheme="minorHAnsi"/>
          <w:sz w:val="28"/>
          <w:szCs w:val="28"/>
          <w:vertAlign w:val="subscript"/>
        </w:rPr>
        <w:t>m</w:t>
      </w:r>
      <w:r w:rsidRPr="009C09AD">
        <w:rPr>
          <w:rFonts w:cstheme="minorHAnsi"/>
          <w:sz w:val="28"/>
          <w:szCs w:val="28"/>
        </w:rPr>
        <w:t>​)−R</w:t>
      </w:r>
      <w:r w:rsidRPr="009C09AD">
        <w:rPr>
          <w:rFonts w:cstheme="minorHAnsi"/>
          <w:sz w:val="28"/>
          <w:szCs w:val="28"/>
          <w:vertAlign w:val="subscript"/>
        </w:rPr>
        <w:t>f</w:t>
      </w:r>
      <w:r w:rsidRPr="009C09AD">
        <w:rPr>
          <w:rFonts w:cstheme="minorHAnsi"/>
          <w:sz w:val="28"/>
          <w:szCs w:val="28"/>
        </w:rPr>
        <w:t xml:space="preserve">​) = represents the </w:t>
      </w:r>
      <w:r w:rsidR="00A01005" w:rsidRPr="009C09AD">
        <w:rPr>
          <w:rFonts w:cstheme="minorHAnsi"/>
          <w:sz w:val="28"/>
          <w:szCs w:val="28"/>
        </w:rPr>
        <w:t>Market Risk premium</w:t>
      </w:r>
    </w:p>
    <w:p w14:paraId="5BECDBE9" w14:textId="77777777" w:rsidR="00FC260D" w:rsidRPr="009C09AD" w:rsidRDefault="00FC260D" w:rsidP="00FC260D">
      <w:pPr>
        <w:rPr>
          <w:rFonts w:cstheme="minorHAnsi"/>
          <w:sz w:val="28"/>
          <w:szCs w:val="28"/>
          <w:lang w:val="en-US"/>
        </w:rPr>
      </w:pPr>
      <w:r w:rsidRPr="009C09AD">
        <w:rPr>
          <w:rFonts w:cstheme="minorHAnsi"/>
          <w:sz w:val="28"/>
          <w:szCs w:val="28"/>
        </w:rPr>
        <w:t xml:space="preserve">This beta, calculated using historical data, will not consider the volatile pricing returns that investors create for a short period during FOMC announcements to get ahead of the curve, allowing them to gain an edge in the market. The results of the analysis done in PART B, where CAPM fails to hold during the FOMC announcements, can be explained by various factors – </w:t>
      </w:r>
    </w:p>
    <w:p w14:paraId="1C50EDD0" w14:textId="3C0223AC" w:rsidR="00D067D4" w:rsidRPr="009C09AD" w:rsidRDefault="005668D6" w:rsidP="001C6EC9">
      <w:pPr>
        <w:pStyle w:val="ListParagraph"/>
        <w:numPr>
          <w:ilvl w:val="0"/>
          <w:numId w:val="3"/>
        </w:numPr>
        <w:rPr>
          <w:rFonts w:cstheme="minorHAnsi"/>
          <w:sz w:val="28"/>
          <w:szCs w:val="28"/>
          <w:lang w:val="en-US"/>
        </w:rPr>
      </w:pPr>
      <w:r w:rsidRPr="009C09AD">
        <w:rPr>
          <w:rFonts w:cstheme="minorHAnsi"/>
          <w:b/>
          <w:bCs/>
          <w:sz w:val="28"/>
          <w:szCs w:val="28"/>
          <w:lang w:val="en-US"/>
        </w:rPr>
        <w:t xml:space="preserve">Increased Market Volatility </w:t>
      </w:r>
      <w:r w:rsidR="00C01ED1" w:rsidRPr="009C09AD">
        <w:rPr>
          <w:rFonts w:cstheme="minorHAnsi"/>
          <w:b/>
          <w:bCs/>
          <w:sz w:val="28"/>
          <w:szCs w:val="28"/>
          <w:lang w:val="en-US"/>
        </w:rPr>
        <w:t>–</w:t>
      </w:r>
      <w:r w:rsidRPr="009C09AD">
        <w:rPr>
          <w:rFonts w:cstheme="minorHAnsi"/>
          <w:b/>
          <w:bCs/>
          <w:sz w:val="28"/>
          <w:szCs w:val="28"/>
          <w:lang w:val="en-US"/>
        </w:rPr>
        <w:t xml:space="preserve"> </w:t>
      </w:r>
      <w:r w:rsidR="00FC0E60" w:rsidRPr="009C09AD">
        <w:rPr>
          <w:rFonts w:cstheme="minorHAnsi"/>
          <w:sz w:val="28"/>
          <w:szCs w:val="28"/>
          <w:lang w:val="en-US"/>
        </w:rPr>
        <w:t>FOMC announcements come with high uncertainty about policy changes and shifts. These uncertainties manifest themselves in the form of volatile changes in the asset's market price. CAPM helps make predictions by assuming a linear relationship between the risk and the return. Such volatilities add noise to the system, which may affect the Beta, which assumes this linear relationship. These volatilities occurring for short periods around the FOMC announcement may cause issues in the expected returns, which are maintained and calculated using a running historical Beta. During periods of such high volatility, the Beta might not accurately represent an asset's risk. Thus</w:t>
      </w:r>
      <w:r w:rsidR="00CA585A" w:rsidRPr="009C09AD">
        <w:rPr>
          <w:rFonts w:cstheme="minorHAnsi"/>
          <w:sz w:val="28"/>
          <w:szCs w:val="28"/>
          <w:lang w:val="en-US"/>
        </w:rPr>
        <w:t>,</w:t>
      </w:r>
      <w:r w:rsidR="00FC0E60" w:rsidRPr="009C09AD">
        <w:rPr>
          <w:rFonts w:cstheme="minorHAnsi"/>
          <w:sz w:val="28"/>
          <w:szCs w:val="28"/>
          <w:lang w:val="en-US"/>
        </w:rPr>
        <w:t xml:space="preserve"> making CAPM ineffective for these short periods. In a paper proposed by </w:t>
      </w:r>
      <w:r w:rsidR="008B38F0" w:rsidRPr="009C09AD">
        <w:rPr>
          <w:rFonts w:cstheme="minorHAnsi"/>
          <w:sz w:val="28"/>
          <w:szCs w:val="28"/>
          <w:lang w:val="en-US"/>
        </w:rPr>
        <w:t>(</w:t>
      </w:r>
      <w:r w:rsidR="00DF450B" w:rsidRPr="009C09AD">
        <w:rPr>
          <w:rFonts w:cstheme="minorHAnsi"/>
          <w:sz w:val="28"/>
          <w:szCs w:val="28"/>
          <w:lang w:val="en-US"/>
        </w:rPr>
        <w:t>Bodilsen et al., 2021)</w:t>
      </w:r>
      <w:r w:rsidR="00FC0E60" w:rsidRPr="009C09AD">
        <w:rPr>
          <w:rFonts w:cstheme="minorHAnsi"/>
          <w:sz w:val="28"/>
          <w:szCs w:val="28"/>
          <w:lang w:val="en-US"/>
        </w:rPr>
        <w:t>, the author shows an analysis that predicts the relationship between a portfolio's Beta and the excess return (residual). The author shows that this relationship is strong on the period surrounding the announcement and is weak during the NON FOMC announcement days.  They also added that cross-sectional beta dispersion, which is beta values across different stocks, reduces on announcement days, suggesting that an increase in the value of the market's volatility results in the unreliability of the Beta.</w:t>
      </w:r>
    </w:p>
    <w:p w14:paraId="3841D603" w14:textId="77777777" w:rsidR="00924B84" w:rsidRPr="009C09AD" w:rsidRDefault="00924B84" w:rsidP="00924B84">
      <w:pPr>
        <w:pStyle w:val="ListParagraph"/>
        <w:ind w:left="360"/>
        <w:rPr>
          <w:rFonts w:cstheme="minorHAnsi"/>
          <w:sz w:val="28"/>
          <w:szCs w:val="28"/>
          <w:lang w:val="en-US"/>
        </w:rPr>
      </w:pPr>
    </w:p>
    <w:p w14:paraId="7C54EF90" w14:textId="39905B02" w:rsidR="006C3D9A" w:rsidRPr="009C09AD" w:rsidRDefault="00701EA1" w:rsidP="009C09AD">
      <w:pPr>
        <w:rPr>
          <w:rFonts w:cstheme="minorHAnsi"/>
          <w:sz w:val="28"/>
          <w:szCs w:val="28"/>
          <w:lang w:val="en-US"/>
        </w:rPr>
      </w:pPr>
      <w:r w:rsidRPr="009C09AD">
        <w:rPr>
          <w:rFonts w:cstheme="minorHAnsi"/>
          <w:b/>
          <w:bCs/>
          <w:sz w:val="28"/>
          <w:szCs w:val="28"/>
          <w:lang w:val="en-US"/>
        </w:rPr>
        <w:t xml:space="preserve">Speculation and Bias </w:t>
      </w:r>
      <w:r w:rsidR="00967F1F" w:rsidRPr="009C09AD">
        <w:rPr>
          <w:rFonts w:cstheme="minorHAnsi"/>
          <w:b/>
          <w:bCs/>
          <w:sz w:val="28"/>
          <w:szCs w:val="28"/>
          <w:lang w:val="en-US"/>
        </w:rPr>
        <w:t>–</w:t>
      </w:r>
      <w:r w:rsidRPr="009C09AD">
        <w:rPr>
          <w:rFonts w:cstheme="minorHAnsi"/>
          <w:b/>
          <w:bCs/>
          <w:sz w:val="28"/>
          <w:szCs w:val="28"/>
          <w:lang w:val="en-US"/>
        </w:rPr>
        <w:t xml:space="preserve"> </w:t>
      </w:r>
      <w:r w:rsidR="00517C6F" w:rsidRPr="009C09AD">
        <w:rPr>
          <w:rFonts w:cstheme="minorHAnsi"/>
          <w:sz w:val="28"/>
          <w:szCs w:val="28"/>
          <w:lang w:val="en-US"/>
        </w:rPr>
        <w:t xml:space="preserve">Investors may react poorly to the announcements of the FOMC, which might trigger herd </w:t>
      </w:r>
      <w:r w:rsidR="00BA0FFA" w:rsidRPr="009C09AD">
        <w:rPr>
          <w:rFonts w:cstheme="minorHAnsi"/>
          <w:sz w:val="28"/>
          <w:szCs w:val="28"/>
          <w:lang w:val="en-US"/>
        </w:rPr>
        <w:t>behavior</w:t>
      </w:r>
      <w:r w:rsidR="00517C6F" w:rsidRPr="009C09AD">
        <w:rPr>
          <w:rFonts w:cstheme="minorHAnsi"/>
          <w:sz w:val="28"/>
          <w:szCs w:val="28"/>
          <w:lang w:val="en-US"/>
        </w:rPr>
        <w:t xml:space="preserve"> or overreaction from the investors. Such views can cause the new price to differ significantly from the expected price. Because of this, we can see residuals being produced, which can cause an asset to either overperform or underperform. For example, a fear of rising interest rates can cause people to sell interest-rate-sensitive assets. Such things cannot be predicted and handled by CAPM. A study identified a pre-FOMC drift where excess residuals are received in anticipation of these announcements </w:t>
      </w:r>
      <w:r w:rsidR="009C09AD" w:rsidRPr="009C09AD">
        <w:rPr>
          <w:rFonts w:cstheme="minorHAnsi"/>
          <w:sz w:val="28"/>
          <w:szCs w:val="28"/>
          <w:lang w:val="en-US"/>
        </w:rPr>
        <w:lastRenderedPageBreak/>
        <w:t>(</w:t>
      </w:r>
      <w:r w:rsidR="009C09AD" w:rsidRPr="009C09AD">
        <w:rPr>
          <w:rFonts w:eastAsia="Times New Roman" w:cstheme="minorHAnsi"/>
          <w:kern w:val="0"/>
          <w:sz w:val="24"/>
          <w:szCs w:val="24"/>
          <w:lang w:val="en-IN" w:eastAsia="en-IN" w:bidi="ar-SA"/>
          <w14:ligatures w14:val="none"/>
        </w:rPr>
        <w:t>LUCCA,</w:t>
      </w:r>
      <w:r w:rsidR="009C09AD" w:rsidRPr="009C09AD">
        <w:rPr>
          <w:rFonts w:eastAsia="Times New Roman" w:cstheme="minorHAnsi"/>
          <w:kern w:val="0"/>
          <w:sz w:val="24"/>
          <w:szCs w:val="24"/>
          <w:lang w:val="en-IN" w:eastAsia="en-IN" w:bidi="ar-SA"/>
          <w14:ligatures w14:val="none"/>
        </w:rPr>
        <w:t xml:space="preserve"> 2015</w:t>
      </w:r>
      <w:r w:rsidR="009C09AD" w:rsidRPr="009C09AD">
        <w:rPr>
          <w:rFonts w:cstheme="minorHAnsi"/>
          <w:sz w:val="28"/>
          <w:szCs w:val="28"/>
          <w:lang w:val="en-US"/>
        </w:rPr>
        <w:t>)</w:t>
      </w:r>
      <w:r w:rsidR="00517C6F" w:rsidRPr="009C09AD">
        <w:rPr>
          <w:rFonts w:cstheme="minorHAnsi"/>
          <w:sz w:val="28"/>
          <w:szCs w:val="28"/>
          <w:lang w:val="en-US"/>
        </w:rPr>
        <w:t>. The Author attributed these excess returns to the reallocation,  news announcements and volatility</w:t>
      </w:r>
    </w:p>
    <w:p w14:paraId="6AC40085" w14:textId="77777777" w:rsidR="006C3D9A" w:rsidRPr="009C09AD" w:rsidRDefault="006C3D9A" w:rsidP="006C3D9A">
      <w:pPr>
        <w:pStyle w:val="ListParagraph"/>
        <w:ind w:left="360"/>
        <w:rPr>
          <w:rFonts w:cstheme="minorHAnsi"/>
          <w:sz w:val="28"/>
          <w:szCs w:val="28"/>
          <w:lang w:val="en-US"/>
        </w:rPr>
      </w:pPr>
    </w:p>
    <w:p w14:paraId="64C68CCB" w14:textId="1DF661C0" w:rsidR="002E2FD6" w:rsidRPr="009C09AD" w:rsidRDefault="00A35AB1" w:rsidP="002E2FD6">
      <w:pPr>
        <w:pStyle w:val="ListParagraph"/>
        <w:numPr>
          <w:ilvl w:val="0"/>
          <w:numId w:val="3"/>
        </w:numPr>
        <w:rPr>
          <w:rFonts w:cstheme="minorHAnsi"/>
          <w:sz w:val="28"/>
          <w:szCs w:val="28"/>
          <w:lang w:val="en-US"/>
        </w:rPr>
      </w:pPr>
      <w:r w:rsidRPr="009C09AD">
        <w:rPr>
          <w:rFonts w:cstheme="minorHAnsi"/>
          <w:b/>
          <w:bCs/>
          <w:sz w:val="28"/>
          <w:szCs w:val="28"/>
          <w:lang w:val="en-US"/>
        </w:rPr>
        <w:t xml:space="preserve">Systematic </w:t>
      </w:r>
      <w:r w:rsidR="0051589B" w:rsidRPr="009C09AD">
        <w:rPr>
          <w:rFonts w:cstheme="minorHAnsi"/>
          <w:b/>
          <w:bCs/>
          <w:sz w:val="28"/>
          <w:szCs w:val="28"/>
          <w:lang w:val="en-US"/>
        </w:rPr>
        <w:t xml:space="preserve">Risk </w:t>
      </w:r>
      <w:r w:rsidR="00D64F61" w:rsidRPr="009C09AD">
        <w:rPr>
          <w:rFonts w:cstheme="minorHAnsi"/>
          <w:b/>
          <w:bCs/>
          <w:sz w:val="28"/>
          <w:szCs w:val="28"/>
          <w:lang w:val="en-US"/>
        </w:rPr>
        <w:t>–</w:t>
      </w:r>
      <w:r w:rsidR="0051589B" w:rsidRPr="009C09AD">
        <w:rPr>
          <w:rFonts w:cstheme="minorHAnsi"/>
          <w:b/>
          <w:bCs/>
          <w:sz w:val="28"/>
          <w:szCs w:val="28"/>
          <w:lang w:val="en-US"/>
        </w:rPr>
        <w:t xml:space="preserve"> </w:t>
      </w:r>
      <w:r w:rsidR="00844BF2" w:rsidRPr="009C09AD">
        <w:rPr>
          <w:rFonts w:cstheme="minorHAnsi"/>
          <w:sz w:val="28"/>
          <w:szCs w:val="28"/>
          <w:lang w:val="en-US"/>
        </w:rPr>
        <w:t xml:space="preserve">·Investor sentiment affects market risk. Such risks cannot be reduced. If an FOMC decision appears to cause changes to growth and inflation, the beta values of assets can change because of the insight into the future incoming risk. This makes CAPM, which uses beta calculated using historical data, less accurate in predicting expected return. This can cause residual excess return because of the difference between the actual return and the return calculated using CAPM. </w:t>
      </w:r>
      <w:r w:rsidR="00B77C6E" w:rsidRPr="00B77C6E">
        <w:rPr>
          <w:rFonts w:cstheme="minorHAnsi"/>
          <w:sz w:val="28"/>
          <w:szCs w:val="28"/>
          <w:lang w:val="en-US"/>
        </w:rPr>
        <w:t>("Investor sentiment and the pre-FOMC announcement drift," n.d.)</w:t>
      </w:r>
      <w:r w:rsidR="00844BF2" w:rsidRPr="009C09AD">
        <w:rPr>
          <w:rFonts w:cstheme="minorHAnsi"/>
          <w:sz w:val="28"/>
          <w:szCs w:val="28"/>
          <w:lang w:val="en-US"/>
        </w:rPr>
        <w:t xml:space="preserve"> describes how investor sentiment about the perception of future risk and pre-FOMC announcement can show a fall image of the asset valuation or price. This distortion will affect the beta calculated, which is used by CAPM, making it less effective. The study states that the positive sentiment toward the FOMC announcement shows a flaw in CAPM’s accuracy.</w:t>
      </w:r>
    </w:p>
    <w:p w14:paraId="5134FA0A" w14:textId="77777777" w:rsidR="00226560" w:rsidRPr="009C09AD" w:rsidRDefault="00226560" w:rsidP="00226560">
      <w:pPr>
        <w:pStyle w:val="ListParagraph"/>
        <w:ind w:left="360"/>
        <w:rPr>
          <w:rFonts w:cstheme="minorHAnsi"/>
          <w:sz w:val="28"/>
          <w:szCs w:val="28"/>
          <w:lang w:val="en-US"/>
        </w:rPr>
      </w:pPr>
    </w:p>
    <w:p w14:paraId="493449DF" w14:textId="77777777" w:rsidR="0066339A" w:rsidRPr="009C09AD" w:rsidRDefault="00873D65" w:rsidP="00A865EE">
      <w:pPr>
        <w:pStyle w:val="ListParagraph"/>
        <w:numPr>
          <w:ilvl w:val="0"/>
          <w:numId w:val="3"/>
        </w:numPr>
        <w:rPr>
          <w:rFonts w:cstheme="minorHAnsi"/>
          <w:sz w:val="28"/>
          <w:szCs w:val="28"/>
          <w:lang w:val="en-US"/>
        </w:rPr>
      </w:pPr>
      <w:r w:rsidRPr="009C09AD">
        <w:rPr>
          <w:rFonts w:cstheme="minorHAnsi"/>
          <w:b/>
          <w:bCs/>
          <w:sz w:val="28"/>
          <w:szCs w:val="28"/>
          <w:lang w:val="en-US"/>
        </w:rPr>
        <w:t>Asset Rebalance –</w:t>
      </w:r>
      <w:r w:rsidRPr="009C09AD">
        <w:rPr>
          <w:rFonts w:cstheme="minorHAnsi"/>
          <w:sz w:val="28"/>
          <w:szCs w:val="28"/>
          <w:lang w:val="en-US"/>
        </w:rPr>
        <w:t xml:space="preserve"> </w:t>
      </w:r>
      <w:r w:rsidR="00A146B8" w:rsidRPr="009C09AD">
        <w:rPr>
          <w:rFonts w:cstheme="minorHAnsi"/>
          <w:sz w:val="28"/>
          <w:szCs w:val="28"/>
          <w:lang w:val="en-US"/>
        </w:rPr>
        <w:t>Investors anticipating new monetary policies can trigger a rebalance of their portfolios where they can take out money from one portfolio and put it into a different one. This rebalancing can cause a dynamic that can cause issues like sell-off or hold to short the market. During FOMC periods, investors closely monitor FOMC announcements and adjust their expectations accordingly. These expectations and prior beliefs may cause volatility, which plays a hand in the deviations that we see in the CAPM expected return.</w:t>
      </w:r>
      <w:r w:rsidR="0066339A" w:rsidRPr="009C09AD">
        <w:rPr>
          <w:rFonts w:cstheme="minorHAnsi"/>
          <w:sz w:val="28"/>
          <w:szCs w:val="28"/>
          <w:lang w:val="en-US"/>
        </w:rPr>
        <w:t xml:space="preserve"> </w:t>
      </w:r>
      <w:r w:rsidR="00A865EE" w:rsidRPr="009C09AD">
        <w:rPr>
          <w:rFonts w:cstheme="minorHAnsi"/>
          <w:sz w:val="28"/>
          <w:szCs w:val="28"/>
          <w:lang w:val="en-US"/>
        </w:rPr>
        <w:t>CAPM works on the assumption of trends that are formed over a long period of time. CAPM is a straightforward framework that works on assumptions like rational investors, distributed returns, and portfolios yielding maximum return for a given risk. These simple assumptions may not represent the real-life dynamics as investors do not follow such practices.</w:t>
      </w:r>
    </w:p>
    <w:p w14:paraId="7602DB4E" w14:textId="77777777" w:rsidR="0066339A" w:rsidRPr="009C09AD" w:rsidRDefault="0066339A" w:rsidP="0066339A">
      <w:pPr>
        <w:pStyle w:val="ListParagraph"/>
        <w:rPr>
          <w:rFonts w:cstheme="minorHAnsi"/>
          <w:sz w:val="28"/>
          <w:szCs w:val="28"/>
          <w:lang w:val="en-US"/>
        </w:rPr>
      </w:pPr>
    </w:p>
    <w:p w14:paraId="40870604" w14:textId="4084FEEB" w:rsidR="00BC56BD" w:rsidRPr="009C09AD" w:rsidRDefault="002770DA" w:rsidP="00F50ED4">
      <w:pPr>
        <w:pStyle w:val="ListParagraph"/>
        <w:ind w:left="360"/>
        <w:jc w:val="center"/>
        <w:rPr>
          <w:rFonts w:cstheme="minorHAnsi"/>
          <w:sz w:val="28"/>
          <w:szCs w:val="28"/>
          <w:lang w:val="en-US"/>
        </w:rPr>
      </w:pPr>
      <w:r w:rsidRPr="009C09AD">
        <w:rPr>
          <w:rFonts w:cstheme="minorHAnsi"/>
          <w:noProof/>
        </w:rPr>
        <w:drawing>
          <wp:inline distT="0" distB="0" distL="0" distR="0" wp14:anchorId="6BEE44E4" wp14:editId="25F18AE2">
            <wp:extent cx="4152900" cy="2849880"/>
            <wp:effectExtent l="0" t="0" r="0" b="7620"/>
            <wp:docPr id="1089689737" name="Chart 1">
              <a:extLst xmlns:a="http://schemas.openxmlformats.org/drawingml/2006/main">
                <a:ext uri="{FF2B5EF4-FFF2-40B4-BE49-F238E27FC236}">
                  <a16:creationId xmlns:a16="http://schemas.microsoft.com/office/drawing/2014/main" id="{6D13CBAE-2AAB-4962-9814-4703DACE9E9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inline>
        </w:drawing>
      </w:r>
    </w:p>
    <w:p w14:paraId="2FA38D7E" w14:textId="489E8B21" w:rsidR="00BC56BD" w:rsidRPr="009C09AD" w:rsidRDefault="00E8044F" w:rsidP="00BC56BD">
      <w:pPr>
        <w:rPr>
          <w:rFonts w:cstheme="minorHAnsi"/>
          <w:sz w:val="28"/>
          <w:szCs w:val="28"/>
          <w:lang w:val="en-US"/>
        </w:rPr>
      </w:pPr>
      <w:r w:rsidRPr="009C09AD">
        <w:rPr>
          <w:rFonts w:cstheme="minorHAnsi"/>
          <w:sz w:val="28"/>
          <w:szCs w:val="28"/>
          <w:lang w:val="en-US"/>
        </w:rPr>
        <w:lastRenderedPageBreak/>
        <w:t xml:space="preserve">We cannot see any discernable pattern for the Beta in the bar graph. Most of the asset's Beta lies close to Market volatility. There is no clear pattern of how the FOMC period affects the Beta. We can see that Beta is increasing for some portfolios and decreasing for others. This can happen due to investors rebalancing their portfolios based on the new monetary policies, which can lead to short-term gain/drop in valuation, which may influence Beta. These short-term changes affect the Beta, which CAPM does not handle well. Hence, there is a difference between the two periods. There is also no correlation between the size and Beta of the portfolio. Some smaller portfolios have a higher beta than bigger portfolios. Most of the Beta changes for smaller portfolios are small in the two periods, while the beta difference for larger portfolios is larger.  In the paper </w:t>
      </w:r>
      <w:r w:rsidR="006516AD" w:rsidRPr="006516AD">
        <w:rPr>
          <w:rFonts w:cstheme="minorHAnsi"/>
          <w:sz w:val="28"/>
          <w:szCs w:val="28"/>
          <w:lang w:val="en-US"/>
        </w:rPr>
        <w:t xml:space="preserve"> (Baker &amp; Wurgler, 2004, p. xx)</w:t>
      </w:r>
      <w:r w:rsidRPr="009C09AD">
        <w:rPr>
          <w:rFonts w:cstheme="minorHAnsi"/>
          <w:sz w:val="28"/>
          <w:szCs w:val="28"/>
          <w:lang w:val="en-US"/>
        </w:rPr>
        <w:t>, the author states that when sentiment is low, returns are high for small stocks. When sentiment is high, the returns are small. Larger portfolios of bigger valuation respond more actively to monetary policies, while small portfolios face less tinkering.</w:t>
      </w:r>
    </w:p>
    <w:p w14:paraId="005291DD" w14:textId="77777777" w:rsidR="00BC56BD" w:rsidRPr="009C09AD" w:rsidRDefault="00BC56BD" w:rsidP="00BC56BD">
      <w:pPr>
        <w:rPr>
          <w:rFonts w:cstheme="minorHAnsi"/>
          <w:sz w:val="28"/>
          <w:szCs w:val="28"/>
          <w:lang w:val="en-US"/>
        </w:rPr>
      </w:pPr>
    </w:p>
    <w:p w14:paraId="2FEBB3C4" w14:textId="1EE142B1" w:rsidR="00A62864" w:rsidRPr="009C09AD" w:rsidRDefault="00CE1343" w:rsidP="00A62864">
      <w:pPr>
        <w:rPr>
          <w:rFonts w:cstheme="minorHAnsi"/>
          <w:b/>
          <w:bCs/>
          <w:sz w:val="40"/>
          <w:szCs w:val="40"/>
          <w:u w:val="single"/>
          <w:lang w:val="en-US"/>
        </w:rPr>
      </w:pPr>
      <w:r w:rsidRPr="009C09AD">
        <w:rPr>
          <w:rFonts w:cstheme="minorHAnsi"/>
          <w:b/>
          <w:bCs/>
          <w:sz w:val="40"/>
          <w:szCs w:val="40"/>
          <w:u w:val="single"/>
          <w:lang w:val="en-US"/>
        </w:rPr>
        <w:t>PART D</w:t>
      </w:r>
    </w:p>
    <w:p w14:paraId="1ADC9429" w14:textId="370E1D97" w:rsidR="003848EA" w:rsidRPr="009C09AD" w:rsidRDefault="00D1193F" w:rsidP="00A723D9">
      <w:pPr>
        <w:jc w:val="center"/>
        <w:rPr>
          <w:rFonts w:cstheme="minorHAnsi"/>
          <w:sz w:val="28"/>
          <w:szCs w:val="28"/>
          <w:lang w:val="en-US"/>
        </w:rPr>
      </w:pPr>
      <w:r w:rsidRPr="009C09AD">
        <w:rPr>
          <w:rFonts w:cstheme="minorHAnsi"/>
          <w:noProof/>
        </w:rPr>
        <w:drawing>
          <wp:inline distT="0" distB="0" distL="0" distR="0" wp14:anchorId="77EFD6DC" wp14:editId="5C211D6C">
            <wp:extent cx="5052060" cy="2613660"/>
            <wp:effectExtent l="0" t="0" r="15240" b="15240"/>
            <wp:docPr id="1338104188" name="Chart 1">
              <a:extLst xmlns:a="http://schemas.openxmlformats.org/drawingml/2006/main">
                <a:ext uri="{FF2B5EF4-FFF2-40B4-BE49-F238E27FC236}">
                  <a16:creationId xmlns:a16="http://schemas.microsoft.com/office/drawing/2014/main" id="{86944BF7-71D0-43EE-8B08-8095455C133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14:paraId="40B3C160" w14:textId="54A93417" w:rsidR="005B48C8" w:rsidRPr="009C09AD" w:rsidRDefault="005B48C8" w:rsidP="00A62864">
      <w:pPr>
        <w:rPr>
          <w:rFonts w:cstheme="minorHAnsi"/>
          <w:sz w:val="28"/>
          <w:szCs w:val="28"/>
          <w:lang w:val="en-US"/>
        </w:rPr>
      </w:pPr>
    </w:p>
    <w:p w14:paraId="122D6E75" w14:textId="77777777" w:rsidR="00FF7AC0" w:rsidRPr="009C09AD" w:rsidRDefault="00FF7AC0" w:rsidP="00A62864">
      <w:pPr>
        <w:rPr>
          <w:rFonts w:cstheme="minorHAnsi"/>
          <w:sz w:val="28"/>
          <w:szCs w:val="28"/>
          <w:lang w:val="en-US"/>
        </w:rPr>
      </w:pPr>
      <w:r w:rsidRPr="009C09AD">
        <w:rPr>
          <w:rFonts w:cstheme="minorHAnsi"/>
          <w:sz w:val="28"/>
          <w:szCs w:val="28"/>
          <w:lang w:val="en-US"/>
        </w:rPr>
        <w:t xml:space="preserve">The line graph of alpha shows that the residual value is high during the FOMC period. To check the statistical significance of the calculated alpha, we will use the t-statistic calculated in Excel with a significance level of 5%. Only one of the 25 universal portfolios present for analysis is insignificant. The rest of the 24 portfolios lie above the level of significance. During the NON-FOMC period, the alpha of the portfolios remains close to zero. When we check the significance level of the alphas calculated, we can see that the t-statistic values lie under the 5% mark. From this, we can conclude that CAPM holds during the NON-FOMC period and fails to do so during the FOMC announcement period. </w:t>
      </w:r>
    </w:p>
    <w:p w14:paraId="2D9B747B" w14:textId="77777777" w:rsidR="00EB4A21" w:rsidRPr="009C09AD" w:rsidRDefault="00EB4A21" w:rsidP="00EB4A21">
      <w:pPr>
        <w:rPr>
          <w:rFonts w:cstheme="minorHAnsi"/>
          <w:sz w:val="28"/>
          <w:szCs w:val="28"/>
          <w:lang w:val="en-US"/>
        </w:rPr>
      </w:pPr>
      <w:r w:rsidRPr="009C09AD">
        <w:rPr>
          <w:rFonts w:cstheme="minorHAnsi"/>
          <w:sz w:val="28"/>
          <w:szCs w:val="28"/>
          <w:lang w:val="en-US"/>
        </w:rPr>
        <w:t xml:space="preserve">The Excel calculations show that the deviation for the alphas from zero when calculating the intercept for international portfolios is higher than for the US portfolios. This is also evident from the fact that the t-statistic, used to calculate the significance of the mentioned </w:t>
      </w:r>
      <w:r w:rsidRPr="009C09AD">
        <w:rPr>
          <w:rFonts w:cstheme="minorHAnsi"/>
          <w:sz w:val="28"/>
          <w:szCs w:val="28"/>
          <w:lang w:val="en-US"/>
        </w:rPr>
        <w:lastRenderedPageBreak/>
        <w:t xml:space="preserve">coefficients from the regression model, of the international portfolios lie well above the US portfolios. Even though the strength of deviation is stronger in international portfolios, our results remain consistent with the fact that the CAPM holds during the NON-FOCM period but fails to do so during the FOCM period. </w:t>
      </w:r>
    </w:p>
    <w:p w14:paraId="19E8D63D" w14:textId="1AB7BE44" w:rsidR="00EB4A21" w:rsidRPr="009C09AD" w:rsidRDefault="00EB4A21" w:rsidP="00EB4A21">
      <w:pPr>
        <w:rPr>
          <w:rFonts w:cstheme="minorHAnsi"/>
          <w:b/>
          <w:bCs/>
          <w:sz w:val="28"/>
          <w:szCs w:val="28"/>
          <w:lang w:val="en-US"/>
        </w:rPr>
      </w:pPr>
      <w:r w:rsidRPr="009C09AD">
        <w:rPr>
          <w:rFonts w:cstheme="minorHAnsi"/>
          <w:sz w:val="28"/>
          <w:szCs w:val="28"/>
          <w:lang w:val="en-US"/>
        </w:rPr>
        <w:t xml:space="preserve">There are several reasons why Alpha (residual) in international portfolios experiences a deviation from zero during the FOMC period – </w:t>
      </w:r>
    </w:p>
    <w:p w14:paraId="576AC2BB" w14:textId="59B87949" w:rsidR="00BF7DA3" w:rsidRPr="009C09AD" w:rsidRDefault="00B85CB6" w:rsidP="00EB4A21">
      <w:pPr>
        <w:pStyle w:val="ListParagraph"/>
        <w:numPr>
          <w:ilvl w:val="0"/>
          <w:numId w:val="4"/>
        </w:numPr>
        <w:rPr>
          <w:rFonts w:cstheme="minorHAnsi"/>
          <w:b/>
          <w:bCs/>
          <w:sz w:val="28"/>
          <w:szCs w:val="28"/>
          <w:lang w:val="en-US"/>
        </w:rPr>
      </w:pPr>
      <w:r w:rsidRPr="009C09AD">
        <w:rPr>
          <w:rFonts w:cstheme="minorHAnsi"/>
          <w:b/>
          <w:bCs/>
          <w:sz w:val="28"/>
          <w:szCs w:val="28"/>
          <w:lang w:val="en-US"/>
        </w:rPr>
        <w:t>Market Volatility</w:t>
      </w:r>
      <w:r w:rsidR="006279C8" w:rsidRPr="009C09AD">
        <w:rPr>
          <w:rFonts w:cstheme="minorHAnsi"/>
          <w:b/>
          <w:bCs/>
          <w:sz w:val="28"/>
          <w:szCs w:val="28"/>
          <w:lang w:val="en-US"/>
        </w:rPr>
        <w:t xml:space="preserve"> and </w:t>
      </w:r>
      <w:r w:rsidR="0012792E" w:rsidRPr="009C09AD">
        <w:rPr>
          <w:rFonts w:cstheme="minorHAnsi"/>
          <w:b/>
          <w:bCs/>
          <w:sz w:val="28"/>
          <w:szCs w:val="28"/>
          <w:lang w:val="en-US"/>
        </w:rPr>
        <w:t>R</w:t>
      </w:r>
      <w:r w:rsidR="00DE3514" w:rsidRPr="009C09AD">
        <w:rPr>
          <w:rFonts w:cstheme="minorHAnsi"/>
          <w:b/>
          <w:bCs/>
          <w:sz w:val="28"/>
          <w:szCs w:val="28"/>
          <w:lang w:val="en-US"/>
        </w:rPr>
        <w:t>isk</w:t>
      </w:r>
      <w:r w:rsidRPr="009C09AD">
        <w:rPr>
          <w:rFonts w:cstheme="minorHAnsi"/>
          <w:b/>
          <w:bCs/>
          <w:sz w:val="28"/>
          <w:szCs w:val="28"/>
          <w:lang w:val="en-US"/>
        </w:rPr>
        <w:t xml:space="preserve"> </w:t>
      </w:r>
      <w:r w:rsidR="001F6E42" w:rsidRPr="009C09AD">
        <w:rPr>
          <w:rFonts w:cstheme="minorHAnsi"/>
          <w:b/>
          <w:bCs/>
          <w:sz w:val="28"/>
          <w:szCs w:val="28"/>
          <w:lang w:val="en-US"/>
        </w:rPr>
        <w:t>–</w:t>
      </w:r>
      <w:r w:rsidRPr="009C09AD">
        <w:rPr>
          <w:rFonts w:cstheme="minorHAnsi"/>
          <w:b/>
          <w:bCs/>
          <w:sz w:val="28"/>
          <w:szCs w:val="28"/>
          <w:lang w:val="en-US"/>
        </w:rPr>
        <w:t xml:space="preserve"> </w:t>
      </w:r>
      <w:r w:rsidR="00291C9F" w:rsidRPr="009C09AD">
        <w:rPr>
          <w:rFonts w:cstheme="minorHAnsi"/>
          <w:sz w:val="28"/>
          <w:szCs w:val="28"/>
          <w:lang w:val="en-US"/>
        </w:rPr>
        <w:t xml:space="preserve">FOMC announcements play a major part in the excess return being calculated for international portfolios because of the US economy's interconnectedness with the global market. This is because a change in monetary policies will affect investors globally. For example, an increase in interest rates can prompt a herd mentality where investors can move away from risky assets with higher returns to less risky assets in US securities, which will give a higher return. A Paper </w:t>
      </w:r>
      <w:r w:rsidR="00DD33AF" w:rsidRPr="00DD33AF">
        <w:rPr>
          <w:rFonts w:cstheme="minorHAnsi"/>
          <w:sz w:val="28"/>
          <w:szCs w:val="28"/>
          <w:lang w:val="en-US"/>
        </w:rPr>
        <w:t>(Trung Hoang Bao &amp; Cesario Mateus, 2017)</w:t>
      </w:r>
      <w:r w:rsidR="00DD33AF">
        <w:rPr>
          <w:rFonts w:cstheme="minorHAnsi"/>
          <w:sz w:val="28"/>
          <w:szCs w:val="28"/>
          <w:lang w:val="en-US"/>
        </w:rPr>
        <w:t xml:space="preserve"> </w:t>
      </w:r>
      <w:r w:rsidR="00291C9F" w:rsidRPr="009C09AD">
        <w:rPr>
          <w:rFonts w:cstheme="minorHAnsi"/>
          <w:sz w:val="28"/>
          <w:szCs w:val="28"/>
          <w:lang w:val="en-US"/>
        </w:rPr>
        <w:t>that studies the impact of FOMC announcements on Asian countries states that the interconnectedness of US and global markets influences foreign markets.</w:t>
      </w:r>
    </w:p>
    <w:p w14:paraId="4F17E438" w14:textId="77777777" w:rsidR="002511D6" w:rsidRPr="009C09AD" w:rsidRDefault="002511D6" w:rsidP="002511D6">
      <w:pPr>
        <w:pStyle w:val="ListParagraph"/>
        <w:ind w:left="360"/>
        <w:rPr>
          <w:rFonts w:cstheme="minorHAnsi"/>
          <w:b/>
          <w:bCs/>
          <w:sz w:val="28"/>
          <w:szCs w:val="28"/>
          <w:lang w:val="en-US"/>
        </w:rPr>
      </w:pPr>
    </w:p>
    <w:p w14:paraId="0EB64673" w14:textId="504B77E2" w:rsidR="00D450E7" w:rsidRPr="009C09AD" w:rsidRDefault="00BC644E" w:rsidP="00D450E7">
      <w:pPr>
        <w:pStyle w:val="ListParagraph"/>
        <w:numPr>
          <w:ilvl w:val="0"/>
          <w:numId w:val="4"/>
        </w:numPr>
        <w:rPr>
          <w:rFonts w:cstheme="minorHAnsi"/>
          <w:b/>
          <w:bCs/>
          <w:sz w:val="28"/>
          <w:szCs w:val="28"/>
          <w:lang w:val="en-US"/>
        </w:rPr>
      </w:pPr>
      <w:r w:rsidRPr="009C09AD">
        <w:rPr>
          <w:rFonts w:cstheme="minorHAnsi"/>
          <w:b/>
          <w:bCs/>
          <w:sz w:val="28"/>
          <w:szCs w:val="28"/>
          <w:lang w:val="en-US"/>
        </w:rPr>
        <w:t xml:space="preserve">Liquidity </w:t>
      </w:r>
      <w:r w:rsidR="00377EE8" w:rsidRPr="009C09AD">
        <w:rPr>
          <w:rFonts w:cstheme="minorHAnsi"/>
          <w:b/>
          <w:bCs/>
          <w:sz w:val="28"/>
          <w:szCs w:val="28"/>
          <w:lang w:val="en-US"/>
        </w:rPr>
        <w:t>–</w:t>
      </w:r>
      <w:r w:rsidRPr="009C09AD">
        <w:rPr>
          <w:rFonts w:cstheme="minorHAnsi"/>
          <w:b/>
          <w:bCs/>
          <w:sz w:val="28"/>
          <w:szCs w:val="28"/>
          <w:lang w:val="en-US"/>
        </w:rPr>
        <w:t xml:space="preserve"> </w:t>
      </w:r>
      <w:r w:rsidR="006C40BE" w:rsidRPr="009C09AD">
        <w:rPr>
          <w:rFonts w:cstheme="minorHAnsi"/>
          <w:sz w:val="28"/>
          <w:szCs w:val="28"/>
          <w:lang w:val="en-US"/>
        </w:rPr>
        <w:t xml:space="preserve">Liquidity refers to how easily a transaction of the same monetary value can be made without affecting the asset's price. When the FOMC makes announcements about interest rates, it can affect the investor to safe US government bonds. The increase or decrease of funds available to the investor after investing in safe US government bonds may affect international assets. CAPM will not handle this movement of capital allocation as it works on the principle of long-term asset holding. This issue will result in a large increase in the value of Alpha. In the paper </w:t>
      </w:r>
      <w:r w:rsidR="00C6721E" w:rsidRPr="00C6721E">
        <w:rPr>
          <w:rFonts w:cstheme="minorHAnsi"/>
          <w:sz w:val="28"/>
          <w:szCs w:val="28"/>
          <w:lang w:val="en-US"/>
        </w:rPr>
        <w:t>(</w:t>
      </w:r>
      <w:proofErr w:type="spellStart"/>
      <w:r w:rsidR="00C6721E" w:rsidRPr="00C6721E">
        <w:rPr>
          <w:rFonts w:cstheme="minorHAnsi"/>
          <w:sz w:val="28"/>
          <w:szCs w:val="28"/>
          <w:lang w:val="en-US"/>
        </w:rPr>
        <w:t>Tadle</w:t>
      </w:r>
      <w:proofErr w:type="spellEnd"/>
      <w:r w:rsidR="00C6721E" w:rsidRPr="00C6721E">
        <w:rPr>
          <w:rFonts w:cstheme="minorHAnsi"/>
          <w:sz w:val="28"/>
          <w:szCs w:val="28"/>
          <w:lang w:val="en-US"/>
        </w:rPr>
        <w:t xml:space="preserve"> &amp; Cruz, 2022)</w:t>
      </w:r>
      <w:r w:rsidR="006C40BE" w:rsidRPr="009C09AD">
        <w:rPr>
          <w:rFonts w:cstheme="minorHAnsi"/>
          <w:sz w:val="28"/>
          <w:szCs w:val="28"/>
          <w:lang w:val="en-US"/>
        </w:rPr>
        <w:t>, The study finds that a strong or cautious outlook of FOMC has a high influence on the valuation of the US dollar against several foreign currencies. This shows that the FOMC period can affect international capital flows.</w:t>
      </w:r>
    </w:p>
    <w:p w14:paraId="50A20FCE" w14:textId="77777777" w:rsidR="00D450E7" w:rsidRPr="009C09AD" w:rsidRDefault="00D450E7" w:rsidP="00D450E7">
      <w:pPr>
        <w:pStyle w:val="ListParagraph"/>
        <w:ind w:left="360"/>
        <w:rPr>
          <w:rFonts w:cstheme="minorHAnsi"/>
          <w:b/>
          <w:bCs/>
          <w:sz w:val="28"/>
          <w:szCs w:val="28"/>
          <w:lang w:val="en-US"/>
        </w:rPr>
      </w:pPr>
    </w:p>
    <w:p w14:paraId="4EEF359C" w14:textId="438C0C95" w:rsidR="00506E64" w:rsidRPr="009C09AD" w:rsidRDefault="00A62D95" w:rsidP="00506E64">
      <w:pPr>
        <w:pStyle w:val="ListParagraph"/>
        <w:numPr>
          <w:ilvl w:val="0"/>
          <w:numId w:val="4"/>
        </w:numPr>
        <w:rPr>
          <w:rFonts w:cstheme="minorHAnsi"/>
          <w:b/>
          <w:bCs/>
          <w:sz w:val="28"/>
          <w:szCs w:val="28"/>
          <w:lang w:val="en-US"/>
        </w:rPr>
      </w:pPr>
      <w:r w:rsidRPr="009C09AD">
        <w:rPr>
          <w:rFonts w:cstheme="minorHAnsi"/>
          <w:b/>
          <w:bCs/>
          <w:sz w:val="28"/>
          <w:szCs w:val="28"/>
          <w:lang w:val="en-US"/>
        </w:rPr>
        <w:t xml:space="preserve">Currency – </w:t>
      </w:r>
      <w:r w:rsidR="00506E64" w:rsidRPr="009C09AD">
        <w:rPr>
          <w:rFonts w:cstheme="minorHAnsi"/>
          <w:sz w:val="28"/>
          <w:szCs w:val="28"/>
          <w:lang w:val="en-US"/>
        </w:rPr>
        <w:t>FOMC announcements usually have an impact on the US dollar. The US dollar, for the moment, serves as the global reserve currency. The impact of global currencies on international portfolios can be because of the exchange rate of currencies against the dollar. For example, an increase in the interest rates will increase the dollar's value against other currencies. Hence, these exchange rates greatly impact the sensitivity of the international market, which can show as high residual values because of abnormal returns.</w:t>
      </w:r>
    </w:p>
    <w:p w14:paraId="4A9EF379" w14:textId="77777777" w:rsidR="00506E64" w:rsidRPr="009C09AD" w:rsidRDefault="00506E64" w:rsidP="00506E64">
      <w:pPr>
        <w:pStyle w:val="ListParagraph"/>
        <w:ind w:left="360"/>
        <w:rPr>
          <w:rFonts w:cstheme="minorHAnsi"/>
          <w:b/>
          <w:bCs/>
          <w:sz w:val="28"/>
          <w:szCs w:val="28"/>
          <w:lang w:val="en-US"/>
        </w:rPr>
      </w:pPr>
    </w:p>
    <w:p w14:paraId="05298FAF" w14:textId="77777777" w:rsidR="00F4130B" w:rsidRPr="009C09AD" w:rsidRDefault="00610F31" w:rsidP="00BE7C14">
      <w:pPr>
        <w:pStyle w:val="ListParagraph"/>
        <w:numPr>
          <w:ilvl w:val="0"/>
          <w:numId w:val="4"/>
        </w:numPr>
        <w:rPr>
          <w:rFonts w:cstheme="minorHAnsi"/>
          <w:sz w:val="28"/>
          <w:szCs w:val="28"/>
          <w:lang w:val="en-US"/>
        </w:rPr>
      </w:pPr>
      <w:r w:rsidRPr="009C09AD">
        <w:rPr>
          <w:rFonts w:cstheme="minorHAnsi"/>
          <w:b/>
          <w:bCs/>
          <w:sz w:val="28"/>
          <w:szCs w:val="28"/>
          <w:lang w:val="en-US"/>
        </w:rPr>
        <w:t xml:space="preserve">Cash </w:t>
      </w:r>
      <w:r w:rsidR="004E4160" w:rsidRPr="009C09AD">
        <w:rPr>
          <w:rFonts w:cstheme="minorHAnsi"/>
          <w:b/>
          <w:bCs/>
          <w:sz w:val="28"/>
          <w:szCs w:val="28"/>
          <w:lang w:val="en-US"/>
        </w:rPr>
        <w:t>F</w:t>
      </w:r>
      <w:r w:rsidRPr="009C09AD">
        <w:rPr>
          <w:rFonts w:cstheme="minorHAnsi"/>
          <w:b/>
          <w:bCs/>
          <w:sz w:val="28"/>
          <w:szCs w:val="28"/>
          <w:lang w:val="en-US"/>
        </w:rPr>
        <w:t xml:space="preserve">low Adjustment </w:t>
      </w:r>
      <w:r w:rsidR="00622FC5" w:rsidRPr="009C09AD">
        <w:rPr>
          <w:rFonts w:cstheme="minorHAnsi"/>
          <w:b/>
          <w:bCs/>
          <w:sz w:val="28"/>
          <w:szCs w:val="28"/>
          <w:lang w:val="en-US"/>
        </w:rPr>
        <w:t>–</w:t>
      </w:r>
      <w:r w:rsidRPr="009C09AD">
        <w:rPr>
          <w:rFonts w:cstheme="minorHAnsi"/>
          <w:b/>
          <w:bCs/>
          <w:sz w:val="28"/>
          <w:szCs w:val="28"/>
          <w:lang w:val="en-US"/>
        </w:rPr>
        <w:t xml:space="preserve"> </w:t>
      </w:r>
      <w:r w:rsidR="00F4130B" w:rsidRPr="009C09AD">
        <w:rPr>
          <w:rFonts w:cstheme="minorHAnsi"/>
          <w:sz w:val="28"/>
          <w:szCs w:val="28"/>
          <w:lang w:val="en-US"/>
        </w:rPr>
        <w:t xml:space="preserve">When the FOMC announcements affect US monetary policies, such as a higher interest rate, US assets become much more attractive to investors. Because of this, a large movement of cash flow can be seen from risky assets to assets with a lower risk and a potentially higher return. These movements may not be handled </w:t>
      </w:r>
      <w:r w:rsidR="00F4130B" w:rsidRPr="009C09AD">
        <w:rPr>
          <w:rFonts w:cstheme="minorHAnsi"/>
          <w:sz w:val="28"/>
          <w:szCs w:val="28"/>
          <w:lang w:val="en-US"/>
        </w:rPr>
        <w:lastRenderedPageBreak/>
        <w:t>by the CAPM model, and we, in turn, see a higher residual in the period surrounding the FOMC.</w:t>
      </w:r>
    </w:p>
    <w:p w14:paraId="2679E4D9" w14:textId="77777777" w:rsidR="00F4130B" w:rsidRPr="009C09AD" w:rsidRDefault="00F4130B" w:rsidP="008271C7">
      <w:pPr>
        <w:rPr>
          <w:rFonts w:cstheme="minorHAnsi"/>
          <w:sz w:val="28"/>
          <w:szCs w:val="28"/>
          <w:lang w:val="en-US"/>
        </w:rPr>
      </w:pPr>
    </w:p>
    <w:p w14:paraId="74BB878E" w14:textId="594C5BB4" w:rsidR="008271C7" w:rsidRPr="009C09AD" w:rsidRDefault="008271C7" w:rsidP="008271C7">
      <w:pPr>
        <w:jc w:val="center"/>
        <w:rPr>
          <w:rFonts w:cstheme="minorHAnsi"/>
          <w:sz w:val="28"/>
          <w:szCs w:val="28"/>
          <w:lang w:val="en-US"/>
        </w:rPr>
      </w:pPr>
      <w:r w:rsidRPr="009C09AD">
        <w:rPr>
          <w:rFonts w:cstheme="minorHAnsi"/>
          <w:noProof/>
        </w:rPr>
        <w:drawing>
          <wp:inline distT="0" distB="0" distL="0" distR="0" wp14:anchorId="6166F1D0" wp14:editId="269BE63E">
            <wp:extent cx="4236720" cy="2621280"/>
            <wp:effectExtent l="0" t="0" r="0" b="7620"/>
            <wp:docPr id="1195855006" name="Chart 1">
              <a:extLst xmlns:a="http://schemas.openxmlformats.org/drawingml/2006/main">
                <a:ext uri="{FF2B5EF4-FFF2-40B4-BE49-F238E27FC236}">
                  <a16:creationId xmlns:a16="http://schemas.microsoft.com/office/drawing/2014/main" id="{AD0F08FB-5FC5-45E4-98A4-B3DC2EAD062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14:paraId="7B32E5B7" w14:textId="77777777" w:rsidR="006D20F5" w:rsidRPr="009C09AD" w:rsidRDefault="006D20F5" w:rsidP="006D20F5">
      <w:pPr>
        <w:rPr>
          <w:rFonts w:cstheme="minorHAnsi"/>
          <w:sz w:val="28"/>
          <w:szCs w:val="28"/>
          <w:lang w:val="en-US"/>
        </w:rPr>
      </w:pPr>
      <w:r w:rsidRPr="009C09AD">
        <w:rPr>
          <w:rFonts w:cstheme="minorHAnsi"/>
          <w:sz w:val="28"/>
          <w:szCs w:val="28"/>
          <w:lang w:val="en-US"/>
        </w:rPr>
        <w:t>The bar graph shows a very subtle change in the value of Beta between the FOCM and NON-FOCM periods. We always see a slight decrease in the value of Beta when going from NON-FOCM to FOCM period. This is inconsistent compared to US portfolios as it does not share a similar pattern where its Beta increase in some portfolios and a decrease in others. We can also see that smaller portfolios have a smaller beta value while bigger portfolios have a higher beta value. This does not follow the US portfolios as it shows no pattern in deciding how the value of the Beta is affected based on its size.</w:t>
      </w:r>
    </w:p>
    <w:p w14:paraId="017DBB5A" w14:textId="1A7005D9" w:rsidR="00720344" w:rsidRDefault="006D20F5" w:rsidP="006D20F5">
      <w:pPr>
        <w:rPr>
          <w:rFonts w:cstheme="minorHAnsi"/>
          <w:sz w:val="28"/>
          <w:szCs w:val="28"/>
          <w:lang w:val="en-US"/>
        </w:rPr>
      </w:pPr>
      <w:r w:rsidRPr="009C09AD">
        <w:rPr>
          <w:rFonts w:cstheme="minorHAnsi"/>
          <w:sz w:val="28"/>
          <w:szCs w:val="28"/>
          <w:lang w:val="en-US"/>
        </w:rPr>
        <w:t xml:space="preserve">A paper </w:t>
      </w:r>
      <w:r w:rsidR="00D4658D" w:rsidRPr="00D4658D">
        <w:rPr>
          <w:rFonts w:cstheme="minorHAnsi"/>
          <w:sz w:val="28"/>
          <w:szCs w:val="28"/>
          <w:lang w:val="en-US"/>
        </w:rPr>
        <w:t xml:space="preserve"> (Hausman et al., 2011)</w:t>
      </w:r>
      <w:r w:rsidR="00D4658D">
        <w:rPr>
          <w:rFonts w:cstheme="minorHAnsi"/>
          <w:sz w:val="28"/>
          <w:szCs w:val="28"/>
          <w:lang w:val="en-US"/>
        </w:rPr>
        <w:t xml:space="preserve"> </w:t>
      </w:r>
      <w:r w:rsidRPr="009C09AD">
        <w:rPr>
          <w:rFonts w:cstheme="minorHAnsi"/>
          <w:sz w:val="28"/>
          <w:szCs w:val="28"/>
          <w:lang w:val="en-US"/>
        </w:rPr>
        <w:t>provides evidence that states the case of a decrease in Beta for international assets during Federal Open Market Committee (FOMC) announcements. The paper analyzed data from 49 countries and stated that exchange rates and long-term interest rates are sensitive to the stance of US monetary policies. This helps understand the shift that international markets face when merging and collaborating it with the US market. All this leads to a small decrease in the value of the Beta of international portfolios during the FOCM period.</w:t>
      </w:r>
    </w:p>
    <w:p w14:paraId="42BC1EB2" w14:textId="77777777" w:rsidR="00C0687B" w:rsidRDefault="00C0687B" w:rsidP="006D20F5">
      <w:pPr>
        <w:rPr>
          <w:rFonts w:cstheme="minorHAnsi"/>
          <w:sz w:val="28"/>
          <w:szCs w:val="28"/>
          <w:lang w:val="en-US"/>
        </w:rPr>
      </w:pPr>
    </w:p>
    <w:p w14:paraId="7E003C23" w14:textId="77777777" w:rsidR="00C0687B" w:rsidRDefault="00C0687B" w:rsidP="006D20F5">
      <w:pPr>
        <w:rPr>
          <w:rFonts w:cstheme="minorHAnsi"/>
          <w:sz w:val="28"/>
          <w:szCs w:val="28"/>
          <w:lang w:val="en-US"/>
        </w:rPr>
      </w:pPr>
    </w:p>
    <w:p w14:paraId="05FB1A0D" w14:textId="77777777" w:rsidR="00C0687B" w:rsidRDefault="00C0687B" w:rsidP="006D20F5">
      <w:pPr>
        <w:rPr>
          <w:rFonts w:cstheme="minorHAnsi"/>
          <w:sz w:val="28"/>
          <w:szCs w:val="28"/>
          <w:lang w:val="en-US"/>
        </w:rPr>
      </w:pPr>
    </w:p>
    <w:p w14:paraId="1655CED9" w14:textId="77777777" w:rsidR="00C0687B" w:rsidRDefault="00C0687B" w:rsidP="006D20F5">
      <w:pPr>
        <w:rPr>
          <w:rFonts w:cstheme="minorHAnsi"/>
          <w:sz w:val="28"/>
          <w:szCs w:val="28"/>
          <w:lang w:val="en-US"/>
        </w:rPr>
      </w:pPr>
    </w:p>
    <w:p w14:paraId="484FFB95" w14:textId="77777777" w:rsidR="00C0687B" w:rsidRDefault="00C0687B" w:rsidP="006D20F5">
      <w:pPr>
        <w:rPr>
          <w:rFonts w:cstheme="minorHAnsi"/>
          <w:sz w:val="28"/>
          <w:szCs w:val="28"/>
          <w:lang w:val="en-US"/>
        </w:rPr>
      </w:pPr>
    </w:p>
    <w:p w14:paraId="484C618F" w14:textId="77777777" w:rsidR="00C0687B" w:rsidRDefault="00C0687B" w:rsidP="006D20F5">
      <w:pPr>
        <w:rPr>
          <w:rFonts w:cstheme="minorHAnsi"/>
          <w:sz w:val="28"/>
          <w:szCs w:val="28"/>
          <w:lang w:val="en-US"/>
        </w:rPr>
      </w:pPr>
    </w:p>
    <w:p w14:paraId="12C6D62E" w14:textId="77777777" w:rsidR="00C0687B" w:rsidRDefault="00C0687B" w:rsidP="006D20F5">
      <w:pPr>
        <w:rPr>
          <w:rFonts w:cstheme="minorHAnsi"/>
          <w:sz w:val="28"/>
          <w:szCs w:val="28"/>
          <w:lang w:val="en-US"/>
        </w:rPr>
      </w:pPr>
    </w:p>
    <w:p w14:paraId="0F2BB21C" w14:textId="77777777" w:rsidR="00C0687B" w:rsidRDefault="00C0687B" w:rsidP="006D20F5">
      <w:pPr>
        <w:rPr>
          <w:rFonts w:cstheme="minorHAnsi"/>
          <w:sz w:val="28"/>
          <w:szCs w:val="28"/>
          <w:lang w:val="en-US"/>
        </w:rPr>
      </w:pPr>
    </w:p>
    <w:p w14:paraId="413B8817" w14:textId="77777777" w:rsidR="00C0687B" w:rsidRPr="00C0687B" w:rsidRDefault="00C0687B" w:rsidP="00C0687B">
      <w:pPr>
        <w:shd w:val="clear" w:color="auto" w:fill="FFFFFF"/>
        <w:spacing w:after="0" w:line="240" w:lineRule="auto"/>
        <w:jc w:val="center"/>
        <w:rPr>
          <w:rFonts w:eastAsia="Times New Roman" w:cstheme="minorHAnsi"/>
          <w:color w:val="000000"/>
          <w:kern w:val="0"/>
          <w:sz w:val="28"/>
          <w:szCs w:val="28"/>
          <w:lang w:val="en-IN" w:eastAsia="en-IN" w:bidi="ar-SA"/>
          <w14:ligatures w14:val="none"/>
        </w:rPr>
      </w:pPr>
      <w:r w:rsidRPr="00C0687B">
        <w:rPr>
          <w:rFonts w:eastAsia="Times New Roman" w:cstheme="minorHAnsi"/>
          <w:color w:val="000000"/>
          <w:kern w:val="0"/>
          <w:sz w:val="28"/>
          <w:szCs w:val="28"/>
          <w:lang w:val="en-IN" w:eastAsia="en-IN" w:bidi="ar-SA"/>
          <w14:ligatures w14:val="none"/>
        </w:rPr>
        <w:lastRenderedPageBreak/>
        <w:t>References</w:t>
      </w:r>
    </w:p>
    <w:p w14:paraId="23E0A463" w14:textId="77777777" w:rsidR="00C0687B" w:rsidRPr="00C0687B" w:rsidRDefault="00C0687B" w:rsidP="00C0687B">
      <w:pPr>
        <w:shd w:val="clear" w:color="auto" w:fill="FFFFFF"/>
        <w:spacing w:after="0" w:line="550" w:lineRule="atLeast"/>
        <w:ind w:left="720" w:right="75" w:hanging="720"/>
        <w:rPr>
          <w:rFonts w:eastAsia="Times New Roman" w:cstheme="minorHAnsi"/>
          <w:color w:val="000000"/>
          <w:kern w:val="0"/>
          <w:sz w:val="28"/>
          <w:szCs w:val="28"/>
          <w:lang w:val="en-IN" w:eastAsia="en-IN" w:bidi="ar-SA"/>
          <w14:ligatures w14:val="none"/>
        </w:rPr>
      </w:pPr>
      <w:r w:rsidRPr="00C0687B">
        <w:rPr>
          <w:rFonts w:eastAsia="Times New Roman" w:cstheme="minorHAnsi"/>
          <w:color w:val="000000"/>
          <w:kern w:val="0"/>
          <w:sz w:val="28"/>
          <w:szCs w:val="28"/>
          <w:lang w:val="en-IN" w:eastAsia="en-IN" w:bidi="ar-SA"/>
          <w14:ligatures w14:val="none"/>
        </w:rPr>
        <w:t>Baker, M., &amp; Wurgler, J. (2004). Investor sentiment and the cross-section of stock returns. </w:t>
      </w:r>
      <w:hyperlink r:id="rId11" w:history="1">
        <w:r w:rsidRPr="00C0687B">
          <w:rPr>
            <w:rFonts w:eastAsia="Times New Roman" w:cstheme="minorHAnsi"/>
            <w:color w:val="000000"/>
            <w:kern w:val="0"/>
            <w:sz w:val="28"/>
            <w:szCs w:val="28"/>
            <w:u w:val="single"/>
            <w:lang w:val="en-IN" w:eastAsia="en-IN" w:bidi="ar-SA"/>
            <w14:ligatures w14:val="none"/>
          </w:rPr>
          <w:t>https://doi.org/10.3386/w10449</w:t>
        </w:r>
      </w:hyperlink>
    </w:p>
    <w:p w14:paraId="7C0F2F1F" w14:textId="77777777" w:rsidR="00C0687B" w:rsidRPr="00C0687B" w:rsidRDefault="00C0687B" w:rsidP="00C0687B">
      <w:pPr>
        <w:shd w:val="clear" w:color="auto" w:fill="FFFFFF"/>
        <w:spacing w:after="0" w:line="550" w:lineRule="atLeast"/>
        <w:ind w:left="720" w:right="75" w:hanging="720"/>
        <w:rPr>
          <w:rFonts w:eastAsia="Times New Roman" w:cstheme="minorHAnsi"/>
          <w:color w:val="000000"/>
          <w:kern w:val="0"/>
          <w:sz w:val="28"/>
          <w:szCs w:val="28"/>
          <w:lang w:val="en-IN" w:eastAsia="en-IN" w:bidi="ar-SA"/>
          <w14:ligatures w14:val="none"/>
        </w:rPr>
      </w:pPr>
      <w:r w:rsidRPr="00C0687B">
        <w:rPr>
          <w:rFonts w:eastAsia="Times New Roman" w:cstheme="minorHAnsi"/>
          <w:color w:val="000000"/>
          <w:kern w:val="0"/>
          <w:sz w:val="28"/>
          <w:szCs w:val="28"/>
          <w:lang w:val="en-IN" w:eastAsia="en-IN" w:bidi="ar-SA"/>
          <w14:ligatures w14:val="none"/>
        </w:rPr>
        <w:t>Bodilsen, Eriksen, S. &amp;., &amp; Jonas N. &amp; Grønborg, Niels S. (2021, February 2). </w:t>
      </w:r>
      <w:r w:rsidRPr="00C0687B">
        <w:rPr>
          <w:rFonts w:eastAsia="Times New Roman" w:cstheme="minorHAnsi"/>
          <w:i/>
          <w:iCs/>
          <w:color w:val="000000"/>
          <w:kern w:val="0"/>
          <w:sz w:val="28"/>
          <w:szCs w:val="28"/>
          <w:lang w:val="en-IN" w:eastAsia="en-IN" w:bidi="ar-SA"/>
          <w14:ligatures w14:val="none"/>
        </w:rPr>
        <w:t>Asset pricing and FOMC press conferences</w:t>
      </w:r>
      <w:r w:rsidRPr="00C0687B">
        <w:rPr>
          <w:rFonts w:eastAsia="Times New Roman" w:cstheme="minorHAnsi"/>
          <w:color w:val="000000"/>
          <w:kern w:val="0"/>
          <w:sz w:val="28"/>
          <w:szCs w:val="28"/>
          <w:lang w:val="en-IN" w:eastAsia="en-IN" w:bidi="ar-SA"/>
          <w14:ligatures w14:val="none"/>
        </w:rPr>
        <w:t>. Economics and Finance Research | IDEAS/RePEc. </w:t>
      </w:r>
      <w:hyperlink r:id="rId12" w:history="1">
        <w:r w:rsidRPr="00C0687B">
          <w:rPr>
            <w:rFonts w:eastAsia="Times New Roman" w:cstheme="minorHAnsi"/>
            <w:color w:val="000000"/>
            <w:kern w:val="0"/>
            <w:sz w:val="28"/>
            <w:szCs w:val="28"/>
            <w:u w:val="single"/>
            <w:lang w:val="en-IN" w:eastAsia="en-IN" w:bidi="ar-SA"/>
            <w14:ligatures w14:val="none"/>
          </w:rPr>
          <w:t>https://ideas.repec.org/a/eee/jbfina/v128y2021ics0378426621001229.html</w:t>
        </w:r>
      </w:hyperlink>
    </w:p>
    <w:p w14:paraId="6D8FAB33" w14:textId="77777777" w:rsidR="00C0687B" w:rsidRPr="00C0687B" w:rsidRDefault="00C0687B" w:rsidP="00C0687B">
      <w:pPr>
        <w:shd w:val="clear" w:color="auto" w:fill="FFFFFF"/>
        <w:spacing w:after="0" w:line="550" w:lineRule="atLeast"/>
        <w:ind w:left="720" w:right="75" w:hanging="720"/>
        <w:rPr>
          <w:rFonts w:eastAsia="Times New Roman" w:cstheme="minorHAnsi"/>
          <w:color w:val="000000"/>
          <w:kern w:val="0"/>
          <w:sz w:val="28"/>
          <w:szCs w:val="28"/>
          <w:lang w:val="en-IN" w:eastAsia="en-IN" w:bidi="ar-SA"/>
          <w14:ligatures w14:val="none"/>
        </w:rPr>
      </w:pPr>
      <w:r w:rsidRPr="00C0687B">
        <w:rPr>
          <w:rFonts w:eastAsia="Times New Roman" w:cstheme="minorHAnsi"/>
          <w:color w:val="000000"/>
          <w:kern w:val="0"/>
          <w:sz w:val="28"/>
          <w:szCs w:val="28"/>
          <w:lang w:val="en-IN" w:eastAsia="en-IN" w:bidi="ar-SA"/>
          <w14:ligatures w14:val="none"/>
        </w:rPr>
        <w:t xml:space="preserve">Hausman, </w:t>
      </w:r>
      <w:proofErr w:type="spellStart"/>
      <w:r w:rsidRPr="00C0687B">
        <w:rPr>
          <w:rFonts w:eastAsia="Times New Roman" w:cstheme="minorHAnsi"/>
          <w:color w:val="000000"/>
          <w:kern w:val="0"/>
          <w:sz w:val="28"/>
          <w:szCs w:val="28"/>
          <w:lang w:val="en-IN" w:eastAsia="en-IN" w:bidi="ar-SA"/>
          <w14:ligatures w14:val="none"/>
        </w:rPr>
        <w:t>Wongswan</w:t>
      </w:r>
      <w:proofErr w:type="spellEnd"/>
      <w:r w:rsidRPr="00C0687B">
        <w:rPr>
          <w:rFonts w:eastAsia="Times New Roman" w:cstheme="minorHAnsi"/>
          <w:color w:val="000000"/>
          <w:kern w:val="0"/>
          <w:sz w:val="28"/>
          <w:szCs w:val="28"/>
          <w:lang w:val="en-IN" w:eastAsia="en-IN" w:bidi="ar-SA"/>
          <w14:ligatures w14:val="none"/>
        </w:rPr>
        <w:t>, J. &amp;., &amp; Jon. (2011, February 2). </w:t>
      </w:r>
      <w:r w:rsidRPr="00C0687B">
        <w:rPr>
          <w:rFonts w:eastAsia="Times New Roman" w:cstheme="minorHAnsi"/>
          <w:i/>
          <w:iCs/>
          <w:color w:val="000000"/>
          <w:kern w:val="0"/>
          <w:sz w:val="28"/>
          <w:szCs w:val="28"/>
          <w:lang w:val="en-IN" w:eastAsia="en-IN" w:bidi="ar-SA"/>
          <w14:ligatures w14:val="none"/>
        </w:rPr>
        <w:t>Global asset prices and FOMC announcements</w:t>
      </w:r>
      <w:r w:rsidRPr="00C0687B">
        <w:rPr>
          <w:rFonts w:eastAsia="Times New Roman" w:cstheme="minorHAnsi"/>
          <w:color w:val="000000"/>
          <w:kern w:val="0"/>
          <w:sz w:val="28"/>
          <w:szCs w:val="28"/>
          <w:lang w:val="en-IN" w:eastAsia="en-IN" w:bidi="ar-SA"/>
          <w14:ligatures w14:val="none"/>
        </w:rPr>
        <w:t>. Economics and Finance Research | IDEAS/RePEc. </w:t>
      </w:r>
      <w:hyperlink r:id="rId13" w:history="1">
        <w:r w:rsidRPr="00C0687B">
          <w:rPr>
            <w:rFonts w:eastAsia="Times New Roman" w:cstheme="minorHAnsi"/>
            <w:color w:val="000000"/>
            <w:kern w:val="0"/>
            <w:sz w:val="28"/>
            <w:szCs w:val="28"/>
            <w:u w:val="single"/>
            <w:lang w:val="en-IN" w:eastAsia="en-IN" w:bidi="ar-SA"/>
            <w14:ligatures w14:val="none"/>
          </w:rPr>
          <w:t>https://ideas.repec.org/a/eee/jimfin/v30y2011i3p547-571.html</w:t>
        </w:r>
      </w:hyperlink>
    </w:p>
    <w:p w14:paraId="3BA7B5F2" w14:textId="77777777" w:rsidR="00C0687B" w:rsidRPr="006A0E2E" w:rsidRDefault="00C0687B" w:rsidP="00C0687B">
      <w:pPr>
        <w:shd w:val="clear" w:color="auto" w:fill="FFFFFF"/>
        <w:spacing w:after="0" w:line="550" w:lineRule="atLeast"/>
        <w:ind w:left="720" w:right="75" w:hanging="720"/>
        <w:rPr>
          <w:rFonts w:eastAsia="Times New Roman" w:cstheme="minorHAnsi"/>
          <w:color w:val="000000"/>
          <w:kern w:val="0"/>
          <w:sz w:val="28"/>
          <w:szCs w:val="28"/>
          <w:lang w:val="en-IN" w:eastAsia="en-IN" w:bidi="ar-SA"/>
          <w14:ligatures w14:val="none"/>
        </w:rPr>
      </w:pPr>
      <w:r w:rsidRPr="00C0687B">
        <w:rPr>
          <w:rFonts w:eastAsia="Times New Roman" w:cstheme="minorHAnsi"/>
          <w:i/>
          <w:iCs/>
          <w:color w:val="000000"/>
          <w:kern w:val="0"/>
          <w:sz w:val="28"/>
          <w:szCs w:val="28"/>
          <w:lang w:val="en-IN" w:eastAsia="en-IN" w:bidi="ar-SA"/>
          <w14:ligatures w14:val="none"/>
        </w:rPr>
        <w:t>Investor sentiment and the pre-FOMC announcement drift</w:t>
      </w:r>
      <w:r w:rsidRPr="00C0687B">
        <w:rPr>
          <w:rFonts w:eastAsia="Times New Roman" w:cstheme="minorHAnsi"/>
          <w:color w:val="000000"/>
          <w:kern w:val="0"/>
          <w:sz w:val="28"/>
          <w:szCs w:val="28"/>
          <w:lang w:val="en-IN" w:eastAsia="en-IN" w:bidi="ar-SA"/>
          <w14:ligatures w14:val="none"/>
        </w:rPr>
        <w:t>. (n.d.). Welcome to Enlighten Publications - Enlighten Publications. </w:t>
      </w:r>
      <w:hyperlink r:id="rId14" w:history="1">
        <w:r w:rsidRPr="00C0687B">
          <w:rPr>
            <w:rFonts w:eastAsia="Times New Roman" w:cstheme="minorHAnsi"/>
            <w:color w:val="000000"/>
            <w:kern w:val="0"/>
            <w:sz w:val="28"/>
            <w:szCs w:val="28"/>
            <w:u w:val="single"/>
            <w:lang w:val="en-IN" w:eastAsia="en-IN" w:bidi="ar-SA"/>
            <w14:ligatures w14:val="none"/>
          </w:rPr>
          <w:t>https://eprints.gla.ac.uk/209237/</w:t>
        </w:r>
      </w:hyperlink>
    </w:p>
    <w:p w14:paraId="769FA3CA" w14:textId="7FF5AD30" w:rsidR="00020F43" w:rsidRPr="00C0687B" w:rsidRDefault="00020F43" w:rsidP="00C0687B">
      <w:pPr>
        <w:shd w:val="clear" w:color="auto" w:fill="FFFFFF"/>
        <w:spacing w:after="0" w:line="550" w:lineRule="atLeast"/>
        <w:ind w:left="720" w:right="75" w:hanging="720"/>
        <w:rPr>
          <w:rFonts w:eastAsia="Times New Roman" w:cstheme="minorHAnsi"/>
          <w:color w:val="000000"/>
          <w:kern w:val="0"/>
          <w:sz w:val="28"/>
          <w:szCs w:val="28"/>
          <w:lang w:val="en-IN" w:eastAsia="en-IN" w:bidi="ar-SA"/>
          <w14:ligatures w14:val="none"/>
        </w:rPr>
      </w:pPr>
      <w:r w:rsidRPr="006A0E2E">
        <w:rPr>
          <w:rFonts w:eastAsia="Times New Roman" w:cstheme="minorHAnsi"/>
          <w:color w:val="000000"/>
          <w:kern w:val="0"/>
          <w:sz w:val="28"/>
          <w:szCs w:val="28"/>
          <w:lang w:val="en-IN" w:eastAsia="en-IN" w:bidi="ar-SA"/>
          <w14:ligatures w14:val="none"/>
        </w:rPr>
        <w:t>LUCCA, D. O., &amp; MOENCH, E. (2015). The Pre-FOMC Announcement Drift. The Journal of Finance, 70(1), 329–371. http://www.jstor.org/stable/43611030</w:t>
      </w:r>
    </w:p>
    <w:p w14:paraId="2BFBC67A" w14:textId="77777777" w:rsidR="00C0687B" w:rsidRPr="00C0687B" w:rsidRDefault="00C0687B" w:rsidP="00C0687B">
      <w:pPr>
        <w:shd w:val="clear" w:color="auto" w:fill="FFFFFF"/>
        <w:spacing w:after="0" w:line="550" w:lineRule="atLeast"/>
        <w:ind w:left="720" w:right="75" w:hanging="720"/>
        <w:rPr>
          <w:rFonts w:eastAsia="Times New Roman" w:cstheme="minorHAnsi"/>
          <w:color w:val="000000"/>
          <w:kern w:val="0"/>
          <w:sz w:val="28"/>
          <w:szCs w:val="28"/>
          <w:lang w:val="en-IN" w:eastAsia="en-IN" w:bidi="ar-SA"/>
          <w14:ligatures w14:val="none"/>
        </w:rPr>
      </w:pPr>
      <w:proofErr w:type="spellStart"/>
      <w:r w:rsidRPr="00C0687B">
        <w:rPr>
          <w:rFonts w:eastAsia="Times New Roman" w:cstheme="minorHAnsi"/>
          <w:color w:val="000000"/>
          <w:kern w:val="0"/>
          <w:sz w:val="28"/>
          <w:szCs w:val="28"/>
          <w:lang w:val="en-IN" w:eastAsia="en-IN" w:bidi="ar-SA"/>
          <w14:ligatures w14:val="none"/>
        </w:rPr>
        <w:t>Tadle</w:t>
      </w:r>
      <w:proofErr w:type="spellEnd"/>
      <w:r w:rsidRPr="00C0687B">
        <w:rPr>
          <w:rFonts w:eastAsia="Times New Roman" w:cstheme="minorHAnsi"/>
          <w:color w:val="000000"/>
          <w:kern w:val="0"/>
          <w:sz w:val="28"/>
          <w:szCs w:val="28"/>
          <w:lang w:val="en-IN" w:eastAsia="en-IN" w:bidi="ar-SA"/>
          <w14:ligatures w14:val="none"/>
        </w:rPr>
        <w:t>, &amp; Cruz, R. (2022, February 2). </w:t>
      </w:r>
      <w:r w:rsidRPr="00C0687B">
        <w:rPr>
          <w:rFonts w:eastAsia="Times New Roman" w:cstheme="minorHAnsi"/>
          <w:i/>
          <w:iCs/>
          <w:color w:val="000000"/>
          <w:kern w:val="0"/>
          <w:sz w:val="28"/>
          <w:szCs w:val="28"/>
          <w:lang w:val="en-IN" w:eastAsia="en-IN" w:bidi="ar-SA"/>
          <w14:ligatures w14:val="none"/>
        </w:rPr>
        <w:t>FOMC minutes sentiments and their impact on financial market</w:t>
      </w:r>
      <w:r w:rsidRPr="00C0687B">
        <w:rPr>
          <w:rFonts w:eastAsia="Times New Roman" w:cstheme="minorHAnsi"/>
          <w:color w:val="000000"/>
          <w:kern w:val="0"/>
          <w:sz w:val="28"/>
          <w:szCs w:val="28"/>
          <w:lang w:val="en-IN" w:eastAsia="en-IN" w:bidi="ar-SA"/>
          <w14:ligatures w14:val="none"/>
        </w:rPr>
        <w:t>. Economics and Finance Research | IDEAS/RePEc. </w:t>
      </w:r>
      <w:hyperlink r:id="rId15" w:history="1">
        <w:r w:rsidRPr="00C0687B">
          <w:rPr>
            <w:rFonts w:eastAsia="Times New Roman" w:cstheme="minorHAnsi"/>
            <w:color w:val="000000"/>
            <w:kern w:val="0"/>
            <w:sz w:val="28"/>
            <w:szCs w:val="28"/>
            <w:u w:val="single"/>
            <w:lang w:val="en-IN" w:eastAsia="en-IN" w:bidi="ar-SA"/>
            <w14:ligatures w14:val="none"/>
          </w:rPr>
          <w:t>https://ideas.repec.org/a/eee/jebusi/v118y2022ics0148619521000394.html</w:t>
        </w:r>
      </w:hyperlink>
    </w:p>
    <w:p w14:paraId="74FA0DAF" w14:textId="77777777" w:rsidR="00C0687B" w:rsidRPr="00C0687B" w:rsidRDefault="00C0687B" w:rsidP="00C0687B">
      <w:pPr>
        <w:shd w:val="clear" w:color="auto" w:fill="FFFFFF"/>
        <w:spacing w:after="0" w:line="550" w:lineRule="atLeast"/>
        <w:ind w:left="720" w:right="75" w:hanging="720"/>
        <w:rPr>
          <w:rFonts w:eastAsia="Times New Roman" w:cstheme="minorHAnsi"/>
          <w:color w:val="000000"/>
          <w:kern w:val="0"/>
          <w:sz w:val="28"/>
          <w:szCs w:val="28"/>
          <w:lang w:val="en-IN" w:eastAsia="en-IN" w:bidi="ar-SA"/>
          <w14:ligatures w14:val="none"/>
        </w:rPr>
      </w:pPr>
      <w:r w:rsidRPr="00C0687B">
        <w:rPr>
          <w:rFonts w:eastAsia="Times New Roman" w:cstheme="minorHAnsi"/>
          <w:color w:val="000000"/>
          <w:kern w:val="0"/>
          <w:sz w:val="28"/>
          <w:szCs w:val="28"/>
          <w:lang w:val="en-IN" w:eastAsia="en-IN" w:bidi="ar-SA"/>
          <w14:ligatures w14:val="none"/>
        </w:rPr>
        <w:t>Trung Hoang Bao &amp; Cesario Mateus. (2017, February 2). </w:t>
      </w:r>
      <w:r w:rsidRPr="00C0687B">
        <w:rPr>
          <w:rFonts w:eastAsia="Times New Roman" w:cstheme="minorHAnsi"/>
          <w:i/>
          <w:iCs/>
          <w:color w:val="000000"/>
          <w:kern w:val="0"/>
          <w:sz w:val="28"/>
          <w:szCs w:val="28"/>
          <w:lang w:val="en-IN" w:eastAsia="en-IN" w:bidi="ar-SA"/>
          <w14:ligatures w14:val="none"/>
        </w:rPr>
        <w:t xml:space="preserve">Impact of FOMC announcement on stock price index in </w:t>
      </w:r>
      <w:proofErr w:type="spellStart"/>
      <w:r w:rsidRPr="00C0687B">
        <w:rPr>
          <w:rFonts w:eastAsia="Times New Roman" w:cstheme="minorHAnsi"/>
          <w:i/>
          <w:iCs/>
          <w:color w:val="000000"/>
          <w:kern w:val="0"/>
          <w:sz w:val="28"/>
          <w:szCs w:val="28"/>
          <w:lang w:val="en-IN" w:eastAsia="en-IN" w:bidi="ar-SA"/>
          <w14:ligatures w14:val="none"/>
        </w:rPr>
        <w:t>Southeas</w:t>
      </w:r>
      <w:proofErr w:type="spellEnd"/>
      <w:r w:rsidRPr="00C0687B">
        <w:rPr>
          <w:rFonts w:eastAsia="Times New Roman" w:cstheme="minorHAnsi"/>
          <w:color w:val="000000"/>
          <w:kern w:val="0"/>
          <w:sz w:val="28"/>
          <w:szCs w:val="28"/>
          <w:lang w:val="en-IN" w:eastAsia="en-IN" w:bidi="ar-SA"/>
          <w14:ligatures w14:val="none"/>
        </w:rPr>
        <w:t>. Economics and Finance Research | IDEAS/RePEc. </w:t>
      </w:r>
      <w:hyperlink r:id="rId16" w:history="1">
        <w:r w:rsidRPr="00C0687B">
          <w:rPr>
            <w:rFonts w:eastAsia="Times New Roman" w:cstheme="minorHAnsi"/>
            <w:color w:val="000000"/>
            <w:kern w:val="0"/>
            <w:sz w:val="28"/>
            <w:szCs w:val="28"/>
            <w:u w:val="single"/>
            <w:lang w:val="en-IN" w:eastAsia="en-IN" w:bidi="ar-SA"/>
            <w14:ligatures w14:val="none"/>
          </w:rPr>
          <w:t>https://ideas.repec.org/a/eme/cfripp/cfri-06-2016-0051.html</w:t>
        </w:r>
      </w:hyperlink>
    </w:p>
    <w:p w14:paraId="6F0D81CC" w14:textId="77777777" w:rsidR="00C0687B" w:rsidRPr="009C09AD" w:rsidRDefault="00C0687B" w:rsidP="006D20F5">
      <w:pPr>
        <w:rPr>
          <w:rFonts w:cstheme="minorHAnsi"/>
          <w:sz w:val="28"/>
          <w:szCs w:val="28"/>
          <w:lang w:val="en-US"/>
        </w:rPr>
      </w:pPr>
    </w:p>
    <w:sectPr w:rsidR="00C0687B" w:rsidRPr="009C09AD" w:rsidSect="007F0936">
      <w:pgSz w:w="11906" w:h="16838"/>
      <w:pgMar w:top="720" w:right="720" w:bottom="720" w:left="72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Mangal">
    <w:panose1 w:val="02040503050203030202"/>
    <w:charset w:val="00"/>
    <w:family w:val="roman"/>
    <w:pitch w:val="variable"/>
    <w:sig w:usb0="00008003" w:usb1="00000000" w:usb2="00000000" w:usb3="00000000" w:csb0="00000001" w:csb1="00000000"/>
  </w:font>
  <w:font w:name="DengXian Light">
    <w:altName w:val="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28D54025"/>
    <w:multiLevelType w:val="hybridMultilevel"/>
    <w:tmpl w:val="F8963332"/>
    <w:lvl w:ilvl="0" w:tplc="40090001">
      <w:start w:val="1"/>
      <w:numFmt w:val="bullet"/>
      <w:lvlText w:val=""/>
      <w:lvlJc w:val="left"/>
      <w:pPr>
        <w:ind w:left="360" w:hanging="360"/>
      </w:pPr>
      <w:rPr>
        <w:rFonts w:ascii="Symbol" w:hAnsi="Symbol" w:hint="default"/>
      </w:rPr>
    </w:lvl>
    <w:lvl w:ilvl="1" w:tplc="40090003" w:tentative="1">
      <w:start w:val="1"/>
      <w:numFmt w:val="bullet"/>
      <w:lvlText w:val="o"/>
      <w:lvlJc w:val="left"/>
      <w:pPr>
        <w:ind w:left="1080" w:hanging="360"/>
      </w:pPr>
      <w:rPr>
        <w:rFonts w:ascii="Courier New" w:hAnsi="Courier New" w:cs="Courier New" w:hint="default"/>
      </w:rPr>
    </w:lvl>
    <w:lvl w:ilvl="2" w:tplc="40090005" w:tentative="1">
      <w:start w:val="1"/>
      <w:numFmt w:val="bullet"/>
      <w:lvlText w:val=""/>
      <w:lvlJc w:val="left"/>
      <w:pPr>
        <w:ind w:left="1800" w:hanging="360"/>
      </w:pPr>
      <w:rPr>
        <w:rFonts w:ascii="Wingdings" w:hAnsi="Wingdings" w:hint="default"/>
      </w:rPr>
    </w:lvl>
    <w:lvl w:ilvl="3" w:tplc="40090001" w:tentative="1">
      <w:start w:val="1"/>
      <w:numFmt w:val="bullet"/>
      <w:lvlText w:val=""/>
      <w:lvlJc w:val="left"/>
      <w:pPr>
        <w:ind w:left="2520" w:hanging="360"/>
      </w:pPr>
      <w:rPr>
        <w:rFonts w:ascii="Symbol" w:hAnsi="Symbol" w:hint="default"/>
      </w:rPr>
    </w:lvl>
    <w:lvl w:ilvl="4" w:tplc="40090003" w:tentative="1">
      <w:start w:val="1"/>
      <w:numFmt w:val="bullet"/>
      <w:lvlText w:val="o"/>
      <w:lvlJc w:val="left"/>
      <w:pPr>
        <w:ind w:left="3240" w:hanging="360"/>
      </w:pPr>
      <w:rPr>
        <w:rFonts w:ascii="Courier New" w:hAnsi="Courier New" w:cs="Courier New" w:hint="default"/>
      </w:rPr>
    </w:lvl>
    <w:lvl w:ilvl="5" w:tplc="40090005" w:tentative="1">
      <w:start w:val="1"/>
      <w:numFmt w:val="bullet"/>
      <w:lvlText w:val=""/>
      <w:lvlJc w:val="left"/>
      <w:pPr>
        <w:ind w:left="3960" w:hanging="360"/>
      </w:pPr>
      <w:rPr>
        <w:rFonts w:ascii="Wingdings" w:hAnsi="Wingdings" w:hint="default"/>
      </w:rPr>
    </w:lvl>
    <w:lvl w:ilvl="6" w:tplc="40090001" w:tentative="1">
      <w:start w:val="1"/>
      <w:numFmt w:val="bullet"/>
      <w:lvlText w:val=""/>
      <w:lvlJc w:val="left"/>
      <w:pPr>
        <w:ind w:left="4680" w:hanging="360"/>
      </w:pPr>
      <w:rPr>
        <w:rFonts w:ascii="Symbol" w:hAnsi="Symbol" w:hint="default"/>
      </w:rPr>
    </w:lvl>
    <w:lvl w:ilvl="7" w:tplc="40090003" w:tentative="1">
      <w:start w:val="1"/>
      <w:numFmt w:val="bullet"/>
      <w:lvlText w:val="o"/>
      <w:lvlJc w:val="left"/>
      <w:pPr>
        <w:ind w:left="5400" w:hanging="360"/>
      </w:pPr>
      <w:rPr>
        <w:rFonts w:ascii="Courier New" w:hAnsi="Courier New" w:cs="Courier New" w:hint="default"/>
      </w:rPr>
    </w:lvl>
    <w:lvl w:ilvl="8" w:tplc="40090005" w:tentative="1">
      <w:start w:val="1"/>
      <w:numFmt w:val="bullet"/>
      <w:lvlText w:val=""/>
      <w:lvlJc w:val="left"/>
      <w:pPr>
        <w:ind w:left="6120" w:hanging="360"/>
      </w:pPr>
      <w:rPr>
        <w:rFonts w:ascii="Wingdings" w:hAnsi="Wingdings" w:hint="default"/>
      </w:rPr>
    </w:lvl>
  </w:abstractNum>
  <w:abstractNum w:abstractNumId="1" w15:restartNumberingAfterBreak="0">
    <w:nsid w:val="6CE560BC"/>
    <w:multiLevelType w:val="hybridMultilevel"/>
    <w:tmpl w:val="B49C327C"/>
    <w:lvl w:ilvl="0" w:tplc="2BE43106">
      <w:numFmt w:val="bullet"/>
      <w:lvlText w:val=""/>
      <w:lvlJc w:val="left"/>
      <w:pPr>
        <w:ind w:left="720" w:hanging="360"/>
      </w:pPr>
      <w:rPr>
        <w:rFonts w:ascii="Wingdings" w:eastAsiaTheme="minorHAnsi" w:hAnsi="Wingdings" w:cstheme="minorHAnsi"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 w15:restartNumberingAfterBreak="0">
    <w:nsid w:val="758F441F"/>
    <w:multiLevelType w:val="hybridMultilevel"/>
    <w:tmpl w:val="F418E4DA"/>
    <w:lvl w:ilvl="0" w:tplc="40090001">
      <w:start w:val="1"/>
      <w:numFmt w:val="bullet"/>
      <w:lvlText w:val=""/>
      <w:lvlJc w:val="left"/>
      <w:pPr>
        <w:ind w:left="360" w:hanging="360"/>
      </w:pPr>
      <w:rPr>
        <w:rFonts w:ascii="Symbol" w:hAnsi="Symbol" w:hint="default"/>
      </w:rPr>
    </w:lvl>
    <w:lvl w:ilvl="1" w:tplc="FFFFFFFF" w:tentative="1">
      <w:start w:val="1"/>
      <w:numFmt w:val="bullet"/>
      <w:lvlText w:val="o"/>
      <w:lvlJc w:val="left"/>
      <w:pPr>
        <w:ind w:left="1080" w:hanging="360"/>
      </w:pPr>
      <w:rPr>
        <w:rFonts w:ascii="Courier New" w:hAnsi="Courier New" w:cs="Courier New" w:hint="default"/>
      </w:rPr>
    </w:lvl>
    <w:lvl w:ilvl="2" w:tplc="FFFFFFFF" w:tentative="1">
      <w:start w:val="1"/>
      <w:numFmt w:val="bullet"/>
      <w:lvlText w:val=""/>
      <w:lvlJc w:val="left"/>
      <w:pPr>
        <w:ind w:left="1800" w:hanging="360"/>
      </w:pPr>
      <w:rPr>
        <w:rFonts w:ascii="Wingdings" w:hAnsi="Wingdings" w:hint="default"/>
      </w:rPr>
    </w:lvl>
    <w:lvl w:ilvl="3" w:tplc="FFFFFFFF" w:tentative="1">
      <w:start w:val="1"/>
      <w:numFmt w:val="bullet"/>
      <w:lvlText w:val=""/>
      <w:lvlJc w:val="left"/>
      <w:pPr>
        <w:ind w:left="2520" w:hanging="360"/>
      </w:pPr>
      <w:rPr>
        <w:rFonts w:ascii="Symbol" w:hAnsi="Symbol" w:hint="default"/>
      </w:rPr>
    </w:lvl>
    <w:lvl w:ilvl="4" w:tplc="FFFFFFFF" w:tentative="1">
      <w:start w:val="1"/>
      <w:numFmt w:val="bullet"/>
      <w:lvlText w:val="o"/>
      <w:lvlJc w:val="left"/>
      <w:pPr>
        <w:ind w:left="3240" w:hanging="360"/>
      </w:pPr>
      <w:rPr>
        <w:rFonts w:ascii="Courier New" w:hAnsi="Courier New" w:cs="Courier New" w:hint="default"/>
      </w:rPr>
    </w:lvl>
    <w:lvl w:ilvl="5" w:tplc="FFFFFFFF" w:tentative="1">
      <w:start w:val="1"/>
      <w:numFmt w:val="bullet"/>
      <w:lvlText w:val=""/>
      <w:lvlJc w:val="left"/>
      <w:pPr>
        <w:ind w:left="3960" w:hanging="360"/>
      </w:pPr>
      <w:rPr>
        <w:rFonts w:ascii="Wingdings" w:hAnsi="Wingdings" w:hint="default"/>
      </w:rPr>
    </w:lvl>
    <w:lvl w:ilvl="6" w:tplc="FFFFFFFF" w:tentative="1">
      <w:start w:val="1"/>
      <w:numFmt w:val="bullet"/>
      <w:lvlText w:val=""/>
      <w:lvlJc w:val="left"/>
      <w:pPr>
        <w:ind w:left="4680" w:hanging="360"/>
      </w:pPr>
      <w:rPr>
        <w:rFonts w:ascii="Symbol" w:hAnsi="Symbol" w:hint="default"/>
      </w:rPr>
    </w:lvl>
    <w:lvl w:ilvl="7" w:tplc="FFFFFFFF" w:tentative="1">
      <w:start w:val="1"/>
      <w:numFmt w:val="bullet"/>
      <w:lvlText w:val="o"/>
      <w:lvlJc w:val="left"/>
      <w:pPr>
        <w:ind w:left="5400" w:hanging="360"/>
      </w:pPr>
      <w:rPr>
        <w:rFonts w:ascii="Courier New" w:hAnsi="Courier New" w:cs="Courier New" w:hint="default"/>
      </w:rPr>
    </w:lvl>
    <w:lvl w:ilvl="8" w:tplc="FFFFFFFF" w:tentative="1">
      <w:start w:val="1"/>
      <w:numFmt w:val="bullet"/>
      <w:lvlText w:val=""/>
      <w:lvlJc w:val="left"/>
      <w:pPr>
        <w:ind w:left="6120" w:hanging="360"/>
      </w:pPr>
      <w:rPr>
        <w:rFonts w:ascii="Wingdings" w:hAnsi="Wingdings" w:hint="default"/>
      </w:rPr>
    </w:lvl>
  </w:abstractNum>
  <w:abstractNum w:abstractNumId="3" w15:restartNumberingAfterBreak="0">
    <w:nsid w:val="7D185426"/>
    <w:multiLevelType w:val="hybridMultilevel"/>
    <w:tmpl w:val="FC6E9678"/>
    <w:lvl w:ilvl="0" w:tplc="2BE43106">
      <w:numFmt w:val="bullet"/>
      <w:lvlText w:val=""/>
      <w:lvlJc w:val="left"/>
      <w:pPr>
        <w:ind w:left="720" w:hanging="360"/>
      </w:pPr>
      <w:rPr>
        <w:rFonts w:ascii="Wingdings" w:eastAsiaTheme="minorHAnsi" w:hAnsi="Wingdings" w:cstheme="minorHAnsi"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num w:numId="1" w16cid:durableId="776677805">
    <w:abstractNumId w:val="3"/>
  </w:num>
  <w:num w:numId="2" w16cid:durableId="1471508656">
    <w:abstractNumId w:val="1"/>
  </w:num>
  <w:num w:numId="3" w16cid:durableId="204027653">
    <w:abstractNumId w:val="2"/>
  </w:num>
  <w:num w:numId="4" w16cid:durableId="52764620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proofState w:spelling="clean" w:grammar="clean"/>
  <w:defaultTabStop w:val="720"/>
  <w:characterSpacingControl w:val="doNotCompress"/>
  <w:compat>
    <w:applyBreaking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C81A0F"/>
    <w:rsid w:val="000075A0"/>
    <w:rsid w:val="0001014A"/>
    <w:rsid w:val="000120E7"/>
    <w:rsid w:val="0001260E"/>
    <w:rsid w:val="00014BB4"/>
    <w:rsid w:val="0001725A"/>
    <w:rsid w:val="00020F43"/>
    <w:rsid w:val="00036CB9"/>
    <w:rsid w:val="000370BC"/>
    <w:rsid w:val="00040517"/>
    <w:rsid w:val="00050749"/>
    <w:rsid w:val="0005094C"/>
    <w:rsid w:val="00056686"/>
    <w:rsid w:val="00064F0C"/>
    <w:rsid w:val="000666D7"/>
    <w:rsid w:val="00066E3C"/>
    <w:rsid w:val="00070069"/>
    <w:rsid w:val="000730DA"/>
    <w:rsid w:val="0007338F"/>
    <w:rsid w:val="00073B99"/>
    <w:rsid w:val="00080A4C"/>
    <w:rsid w:val="000818A2"/>
    <w:rsid w:val="000874A8"/>
    <w:rsid w:val="00095074"/>
    <w:rsid w:val="000966FE"/>
    <w:rsid w:val="000972A8"/>
    <w:rsid w:val="000A229A"/>
    <w:rsid w:val="000A35FE"/>
    <w:rsid w:val="000A4675"/>
    <w:rsid w:val="000A5461"/>
    <w:rsid w:val="000A7353"/>
    <w:rsid w:val="000B0DB4"/>
    <w:rsid w:val="000B1195"/>
    <w:rsid w:val="000C3574"/>
    <w:rsid w:val="000D39C2"/>
    <w:rsid w:val="000D70D7"/>
    <w:rsid w:val="000D7CB3"/>
    <w:rsid w:val="000E1F64"/>
    <w:rsid w:val="000E313D"/>
    <w:rsid w:val="000E5AC3"/>
    <w:rsid w:val="000F70F2"/>
    <w:rsid w:val="001000F9"/>
    <w:rsid w:val="00100421"/>
    <w:rsid w:val="0010302D"/>
    <w:rsid w:val="001043DD"/>
    <w:rsid w:val="001046D7"/>
    <w:rsid w:val="00104FD2"/>
    <w:rsid w:val="001058E8"/>
    <w:rsid w:val="0010757C"/>
    <w:rsid w:val="001078D0"/>
    <w:rsid w:val="00107D11"/>
    <w:rsid w:val="00110F1C"/>
    <w:rsid w:val="00112758"/>
    <w:rsid w:val="00112918"/>
    <w:rsid w:val="001135D3"/>
    <w:rsid w:val="001136EE"/>
    <w:rsid w:val="00113F71"/>
    <w:rsid w:val="00113FB4"/>
    <w:rsid w:val="00117C5E"/>
    <w:rsid w:val="001215C8"/>
    <w:rsid w:val="001224CB"/>
    <w:rsid w:val="00125DB1"/>
    <w:rsid w:val="001260A5"/>
    <w:rsid w:val="00127697"/>
    <w:rsid w:val="0012792E"/>
    <w:rsid w:val="00132DBD"/>
    <w:rsid w:val="00134767"/>
    <w:rsid w:val="00137C8E"/>
    <w:rsid w:val="0014084B"/>
    <w:rsid w:val="00145FB1"/>
    <w:rsid w:val="00146770"/>
    <w:rsid w:val="00147AE3"/>
    <w:rsid w:val="001501D9"/>
    <w:rsid w:val="00153730"/>
    <w:rsid w:val="0016224B"/>
    <w:rsid w:val="00162A5E"/>
    <w:rsid w:val="00165F31"/>
    <w:rsid w:val="00171CD6"/>
    <w:rsid w:val="00177726"/>
    <w:rsid w:val="00181F94"/>
    <w:rsid w:val="00182E1B"/>
    <w:rsid w:val="00184153"/>
    <w:rsid w:val="001853EC"/>
    <w:rsid w:val="0018778D"/>
    <w:rsid w:val="001900D7"/>
    <w:rsid w:val="00193484"/>
    <w:rsid w:val="0019642C"/>
    <w:rsid w:val="001A053B"/>
    <w:rsid w:val="001A1BB2"/>
    <w:rsid w:val="001A2D58"/>
    <w:rsid w:val="001A59F2"/>
    <w:rsid w:val="001B01F8"/>
    <w:rsid w:val="001B3EFB"/>
    <w:rsid w:val="001B4B62"/>
    <w:rsid w:val="001B5442"/>
    <w:rsid w:val="001B5B9E"/>
    <w:rsid w:val="001B5D1C"/>
    <w:rsid w:val="001B74DA"/>
    <w:rsid w:val="001C03A2"/>
    <w:rsid w:val="001C271E"/>
    <w:rsid w:val="001C453A"/>
    <w:rsid w:val="001C6EC9"/>
    <w:rsid w:val="001D5892"/>
    <w:rsid w:val="001D6F7B"/>
    <w:rsid w:val="001D71BD"/>
    <w:rsid w:val="001E002F"/>
    <w:rsid w:val="001E1774"/>
    <w:rsid w:val="001E5556"/>
    <w:rsid w:val="001E7045"/>
    <w:rsid w:val="001E7BF7"/>
    <w:rsid w:val="001F33B3"/>
    <w:rsid w:val="001F55D9"/>
    <w:rsid w:val="001F6C86"/>
    <w:rsid w:val="001F6E42"/>
    <w:rsid w:val="00200FF3"/>
    <w:rsid w:val="00203984"/>
    <w:rsid w:val="0021161A"/>
    <w:rsid w:val="00211F4A"/>
    <w:rsid w:val="00220A3E"/>
    <w:rsid w:val="00222D67"/>
    <w:rsid w:val="0022642C"/>
    <w:rsid w:val="00226560"/>
    <w:rsid w:val="00240201"/>
    <w:rsid w:val="00244788"/>
    <w:rsid w:val="002511D6"/>
    <w:rsid w:val="00255021"/>
    <w:rsid w:val="0025641B"/>
    <w:rsid w:val="0026332A"/>
    <w:rsid w:val="002678A5"/>
    <w:rsid w:val="00271FB5"/>
    <w:rsid w:val="00272916"/>
    <w:rsid w:val="00273501"/>
    <w:rsid w:val="002770DA"/>
    <w:rsid w:val="0027737E"/>
    <w:rsid w:val="00280F68"/>
    <w:rsid w:val="002814B1"/>
    <w:rsid w:val="00291C9F"/>
    <w:rsid w:val="00292CD7"/>
    <w:rsid w:val="002A0206"/>
    <w:rsid w:val="002A39EA"/>
    <w:rsid w:val="002A4601"/>
    <w:rsid w:val="002A5589"/>
    <w:rsid w:val="002A7818"/>
    <w:rsid w:val="002B03F6"/>
    <w:rsid w:val="002B141C"/>
    <w:rsid w:val="002B288C"/>
    <w:rsid w:val="002B4F57"/>
    <w:rsid w:val="002C0FF2"/>
    <w:rsid w:val="002C185D"/>
    <w:rsid w:val="002C188B"/>
    <w:rsid w:val="002C28AA"/>
    <w:rsid w:val="002C6BCC"/>
    <w:rsid w:val="002D4795"/>
    <w:rsid w:val="002D5587"/>
    <w:rsid w:val="002E2FD6"/>
    <w:rsid w:val="002E5032"/>
    <w:rsid w:val="002E63FD"/>
    <w:rsid w:val="002E7C94"/>
    <w:rsid w:val="002F05EF"/>
    <w:rsid w:val="002F1790"/>
    <w:rsid w:val="002F33AE"/>
    <w:rsid w:val="002F6668"/>
    <w:rsid w:val="002F7553"/>
    <w:rsid w:val="00303265"/>
    <w:rsid w:val="00304B43"/>
    <w:rsid w:val="0030661A"/>
    <w:rsid w:val="003067D6"/>
    <w:rsid w:val="00306844"/>
    <w:rsid w:val="00313C6C"/>
    <w:rsid w:val="00316F0B"/>
    <w:rsid w:val="00317D10"/>
    <w:rsid w:val="00320BD8"/>
    <w:rsid w:val="00321B9D"/>
    <w:rsid w:val="0032226C"/>
    <w:rsid w:val="00325EF9"/>
    <w:rsid w:val="00331FB7"/>
    <w:rsid w:val="00332259"/>
    <w:rsid w:val="003355F3"/>
    <w:rsid w:val="00337C6E"/>
    <w:rsid w:val="00340389"/>
    <w:rsid w:val="00340A59"/>
    <w:rsid w:val="0034269C"/>
    <w:rsid w:val="0034676F"/>
    <w:rsid w:val="00346E34"/>
    <w:rsid w:val="003511C6"/>
    <w:rsid w:val="00354238"/>
    <w:rsid w:val="00354994"/>
    <w:rsid w:val="003571AC"/>
    <w:rsid w:val="00360ED1"/>
    <w:rsid w:val="003640F0"/>
    <w:rsid w:val="00377EE8"/>
    <w:rsid w:val="00382356"/>
    <w:rsid w:val="00383847"/>
    <w:rsid w:val="003848EA"/>
    <w:rsid w:val="00386C0D"/>
    <w:rsid w:val="0038788A"/>
    <w:rsid w:val="00394E95"/>
    <w:rsid w:val="003A0D5A"/>
    <w:rsid w:val="003A0FC6"/>
    <w:rsid w:val="003A3958"/>
    <w:rsid w:val="003A3A9B"/>
    <w:rsid w:val="003A652E"/>
    <w:rsid w:val="003B08EF"/>
    <w:rsid w:val="003B527A"/>
    <w:rsid w:val="003B5451"/>
    <w:rsid w:val="003B686B"/>
    <w:rsid w:val="003C11AB"/>
    <w:rsid w:val="003C2D81"/>
    <w:rsid w:val="003C3E25"/>
    <w:rsid w:val="003C76E0"/>
    <w:rsid w:val="003D3F77"/>
    <w:rsid w:val="003D4137"/>
    <w:rsid w:val="003D692D"/>
    <w:rsid w:val="003E0B63"/>
    <w:rsid w:val="003F0BB7"/>
    <w:rsid w:val="003F7F36"/>
    <w:rsid w:val="00400659"/>
    <w:rsid w:val="004020EF"/>
    <w:rsid w:val="00403B25"/>
    <w:rsid w:val="00411104"/>
    <w:rsid w:val="00415C8C"/>
    <w:rsid w:val="004206D7"/>
    <w:rsid w:val="00420D18"/>
    <w:rsid w:val="00422ECF"/>
    <w:rsid w:val="00425AFB"/>
    <w:rsid w:val="00431D17"/>
    <w:rsid w:val="00437650"/>
    <w:rsid w:val="00437D3A"/>
    <w:rsid w:val="004516C4"/>
    <w:rsid w:val="00451CC8"/>
    <w:rsid w:val="0046701F"/>
    <w:rsid w:val="00467464"/>
    <w:rsid w:val="0047047B"/>
    <w:rsid w:val="00475000"/>
    <w:rsid w:val="004765E0"/>
    <w:rsid w:val="004816D7"/>
    <w:rsid w:val="00482363"/>
    <w:rsid w:val="0048499D"/>
    <w:rsid w:val="004878AE"/>
    <w:rsid w:val="00492930"/>
    <w:rsid w:val="004954FA"/>
    <w:rsid w:val="00496949"/>
    <w:rsid w:val="004A0B0C"/>
    <w:rsid w:val="004A1558"/>
    <w:rsid w:val="004A3D38"/>
    <w:rsid w:val="004A6016"/>
    <w:rsid w:val="004A7168"/>
    <w:rsid w:val="004A7636"/>
    <w:rsid w:val="004B1ECD"/>
    <w:rsid w:val="004B480C"/>
    <w:rsid w:val="004C1582"/>
    <w:rsid w:val="004C2686"/>
    <w:rsid w:val="004C4716"/>
    <w:rsid w:val="004D1E20"/>
    <w:rsid w:val="004D3D34"/>
    <w:rsid w:val="004E310B"/>
    <w:rsid w:val="004E3B6F"/>
    <w:rsid w:val="004E3EF4"/>
    <w:rsid w:val="004E4160"/>
    <w:rsid w:val="004E6EB1"/>
    <w:rsid w:val="004F2893"/>
    <w:rsid w:val="00500646"/>
    <w:rsid w:val="00501C6B"/>
    <w:rsid w:val="00506A2E"/>
    <w:rsid w:val="00506E64"/>
    <w:rsid w:val="00513D10"/>
    <w:rsid w:val="00514829"/>
    <w:rsid w:val="0051589B"/>
    <w:rsid w:val="00517C6F"/>
    <w:rsid w:val="005231EB"/>
    <w:rsid w:val="005262BC"/>
    <w:rsid w:val="00527ED6"/>
    <w:rsid w:val="00535A09"/>
    <w:rsid w:val="00535FD4"/>
    <w:rsid w:val="005410F8"/>
    <w:rsid w:val="00545507"/>
    <w:rsid w:val="00547938"/>
    <w:rsid w:val="00547D09"/>
    <w:rsid w:val="005535E8"/>
    <w:rsid w:val="005544B0"/>
    <w:rsid w:val="00561730"/>
    <w:rsid w:val="005668D6"/>
    <w:rsid w:val="0056760C"/>
    <w:rsid w:val="00567A39"/>
    <w:rsid w:val="00571C6E"/>
    <w:rsid w:val="00572781"/>
    <w:rsid w:val="00572FF2"/>
    <w:rsid w:val="00573228"/>
    <w:rsid w:val="00581428"/>
    <w:rsid w:val="0058269A"/>
    <w:rsid w:val="00587175"/>
    <w:rsid w:val="0059064E"/>
    <w:rsid w:val="00592DBC"/>
    <w:rsid w:val="005951A0"/>
    <w:rsid w:val="00595E7F"/>
    <w:rsid w:val="005A098F"/>
    <w:rsid w:val="005A1672"/>
    <w:rsid w:val="005A1A64"/>
    <w:rsid w:val="005A1C20"/>
    <w:rsid w:val="005B1C6E"/>
    <w:rsid w:val="005B48C8"/>
    <w:rsid w:val="005B719C"/>
    <w:rsid w:val="005C2D99"/>
    <w:rsid w:val="005C4951"/>
    <w:rsid w:val="005C7BAE"/>
    <w:rsid w:val="005D17F7"/>
    <w:rsid w:val="005D4BD1"/>
    <w:rsid w:val="005D5BBF"/>
    <w:rsid w:val="005D5CC6"/>
    <w:rsid w:val="005D79B3"/>
    <w:rsid w:val="005D7DD3"/>
    <w:rsid w:val="005E264A"/>
    <w:rsid w:val="005E2C36"/>
    <w:rsid w:val="005E302A"/>
    <w:rsid w:val="005E7CCF"/>
    <w:rsid w:val="005F0A7F"/>
    <w:rsid w:val="005F44DC"/>
    <w:rsid w:val="00610F31"/>
    <w:rsid w:val="0061140F"/>
    <w:rsid w:val="00622FC5"/>
    <w:rsid w:val="00624A55"/>
    <w:rsid w:val="00625D80"/>
    <w:rsid w:val="00626252"/>
    <w:rsid w:val="006279C8"/>
    <w:rsid w:val="006439F8"/>
    <w:rsid w:val="00645505"/>
    <w:rsid w:val="00650FDB"/>
    <w:rsid w:val="006516AD"/>
    <w:rsid w:val="006534E2"/>
    <w:rsid w:val="00654DEE"/>
    <w:rsid w:val="00654EAA"/>
    <w:rsid w:val="006627A3"/>
    <w:rsid w:val="0066339A"/>
    <w:rsid w:val="006644B9"/>
    <w:rsid w:val="006708BB"/>
    <w:rsid w:val="00671963"/>
    <w:rsid w:val="0067299D"/>
    <w:rsid w:val="00682674"/>
    <w:rsid w:val="00683893"/>
    <w:rsid w:val="00685F9C"/>
    <w:rsid w:val="006868FC"/>
    <w:rsid w:val="006869A4"/>
    <w:rsid w:val="00690B42"/>
    <w:rsid w:val="00693C6A"/>
    <w:rsid w:val="00695BA3"/>
    <w:rsid w:val="0069680D"/>
    <w:rsid w:val="006A0CBB"/>
    <w:rsid w:val="006A0E2E"/>
    <w:rsid w:val="006A4501"/>
    <w:rsid w:val="006A5756"/>
    <w:rsid w:val="006B02B9"/>
    <w:rsid w:val="006C0F8C"/>
    <w:rsid w:val="006C3D9A"/>
    <w:rsid w:val="006C40BE"/>
    <w:rsid w:val="006C590C"/>
    <w:rsid w:val="006D20F5"/>
    <w:rsid w:val="006D47DA"/>
    <w:rsid w:val="006F6A5C"/>
    <w:rsid w:val="006F6C33"/>
    <w:rsid w:val="00701EA1"/>
    <w:rsid w:val="0070716E"/>
    <w:rsid w:val="00707305"/>
    <w:rsid w:val="0071787A"/>
    <w:rsid w:val="00720344"/>
    <w:rsid w:val="00722738"/>
    <w:rsid w:val="00727437"/>
    <w:rsid w:val="00727AC6"/>
    <w:rsid w:val="00730432"/>
    <w:rsid w:val="007317EB"/>
    <w:rsid w:val="00735EAD"/>
    <w:rsid w:val="007428C4"/>
    <w:rsid w:val="00751EBA"/>
    <w:rsid w:val="00753475"/>
    <w:rsid w:val="007633EB"/>
    <w:rsid w:val="007654A2"/>
    <w:rsid w:val="007718DA"/>
    <w:rsid w:val="0078796C"/>
    <w:rsid w:val="007927AA"/>
    <w:rsid w:val="0079326B"/>
    <w:rsid w:val="007946AA"/>
    <w:rsid w:val="007A268F"/>
    <w:rsid w:val="007B201D"/>
    <w:rsid w:val="007C33FA"/>
    <w:rsid w:val="007D51EC"/>
    <w:rsid w:val="007E389A"/>
    <w:rsid w:val="007E6A1A"/>
    <w:rsid w:val="007F0936"/>
    <w:rsid w:val="007F187C"/>
    <w:rsid w:val="007F51B4"/>
    <w:rsid w:val="007F55EB"/>
    <w:rsid w:val="007F625F"/>
    <w:rsid w:val="0080481B"/>
    <w:rsid w:val="00807E66"/>
    <w:rsid w:val="00821832"/>
    <w:rsid w:val="008247F6"/>
    <w:rsid w:val="00825A7E"/>
    <w:rsid w:val="008271C7"/>
    <w:rsid w:val="00827AFD"/>
    <w:rsid w:val="008370AA"/>
    <w:rsid w:val="00841FE8"/>
    <w:rsid w:val="00843E18"/>
    <w:rsid w:val="008447CD"/>
    <w:rsid w:val="00844BF2"/>
    <w:rsid w:val="008463B4"/>
    <w:rsid w:val="00847EB0"/>
    <w:rsid w:val="008508B6"/>
    <w:rsid w:val="00851F46"/>
    <w:rsid w:val="00852019"/>
    <w:rsid w:val="008557C0"/>
    <w:rsid w:val="00856ED1"/>
    <w:rsid w:val="00860E95"/>
    <w:rsid w:val="008633E9"/>
    <w:rsid w:val="00864501"/>
    <w:rsid w:val="008702D9"/>
    <w:rsid w:val="00871B82"/>
    <w:rsid w:val="00873D65"/>
    <w:rsid w:val="00874A3A"/>
    <w:rsid w:val="00874DF3"/>
    <w:rsid w:val="008867A3"/>
    <w:rsid w:val="008A026A"/>
    <w:rsid w:val="008A1B7E"/>
    <w:rsid w:val="008A6E6D"/>
    <w:rsid w:val="008B1722"/>
    <w:rsid w:val="008B1F2B"/>
    <w:rsid w:val="008B30C2"/>
    <w:rsid w:val="008B38F0"/>
    <w:rsid w:val="008B587D"/>
    <w:rsid w:val="008C2C50"/>
    <w:rsid w:val="008C302F"/>
    <w:rsid w:val="008C3817"/>
    <w:rsid w:val="008C550E"/>
    <w:rsid w:val="008C7BC7"/>
    <w:rsid w:val="008D24AD"/>
    <w:rsid w:val="008D27B1"/>
    <w:rsid w:val="008D6F1D"/>
    <w:rsid w:val="008E3B83"/>
    <w:rsid w:val="008E4E35"/>
    <w:rsid w:val="008E6D32"/>
    <w:rsid w:val="008F2093"/>
    <w:rsid w:val="008F597F"/>
    <w:rsid w:val="008F718E"/>
    <w:rsid w:val="009007DF"/>
    <w:rsid w:val="00901B95"/>
    <w:rsid w:val="0090299A"/>
    <w:rsid w:val="0090615A"/>
    <w:rsid w:val="00913CCE"/>
    <w:rsid w:val="009161A8"/>
    <w:rsid w:val="0091761D"/>
    <w:rsid w:val="00917FCF"/>
    <w:rsid w:val="0092183D"/>
    <w:rsid w:val="00924B84"/>
    <w:rsid w:val="00925F2E"/>
    <w:rsid w:val="00931838"/>
    <w:rsid w:val="00931E97"/>
    <w:rsid w:val="0093604D"/>
    <w:rsid w:val="00942669"/>
    <w:rsid w:val="0094376E"/>
    <w:rsid w:val="00943F21"/>
    <w:rsid w:val="0095087C"/>
    <w:rsid w:val="0096260A"/>
    <w:rsid w:val="00967A63"/>
    <w:rsid w:val="00967AAC"/>
    <w:rsid w:val="00967F1F"/>
    <w:rsid w:val="009713B8"/>
    <w:rsid w:val="0098182D"/>
    <w:rsid w:val="00982163"/>
    <w:rsid w:val="00984FFC"/>
    <w:rsid w:val="009903D8"/>
    <w:rsid w:val="009911A2"/>
    <w:rsid w:val="0099501B"/>
    <w:rsid w:val="009A2721"/>
    <w:rsid w:val="009A7AE5"/>
    <w:rsid w:val="009C09AD"/>
    <w:rsid w:val="009C4A20"/>
    <w:rsid w:val="009C71DF"/>
    <w:rsid w:val="009C7A32"/>
    <w:rsid w:val="009D02DF"/>
    <w:rsid w:val="009D734A"/>
    <w:rsid w:val="009E0314"/>
    <w:rsid w:val="009E18F6"/>
    <w:rsid w:val="009E2B94"/>
    <w:rsid w:val="009E7ABF"/>
    <w:rsid w:val="00A01005"/>
    <w:rsid w:val="00A022F4"/>
    <w:rsid w:val="00A02AC6"/>
    <w:rsid w:val="00A078C1"/>
    <w:rsid w:val="00A11DE2"/>
    <w:rsid w:val="00A132BD"/>
    <w:rsid w:val="00A146B8"/>
    <w:rsid w:val="00A1636A"/>
    <w:rsid w:val="00A172BB"/>
    <w:rsid w:val="00A22851"/>
    <w:rsid w:val="00A25FF7"/>
    <w:rsid w:val="00A306DB"/>
    <w:rsid w:val="00A3179D"/>
    <w:rsid w:val="00A321D6"/>
    <w:rsid w:val="00A35AB1"/>
    <w:rsid w:val="00A37E7C"/>
    <w:rsid w:val="00A45D36"/>
    <w:rsid w:val="00A55464"/>
    <w:rsid w:val="00A62864"/>
    <w:rsid w:val="00A62D95"/>
    <w:rsid w:val="00A70CC0"/>
    <w:rsid w:val="00A7162F"/>
    <w:rsid w:val="00A723D9"/>
    <w:rsid w:val="00A72FC9"/>
    <w:rsid w:val="00A74F1A"/>
    <w:rsid w:val="00A7697C"/>
    <w:rsid w:val="00A81641"/>
    <w:rsid w:val="00A865EE"/>
    <w:rsid w:val="00A924B1"/>
    <w:rsid w:val="00A93F21"/>
    <w:rsid w:val="00A94620"/>
    <w:rsid w:val="00AA1A9B"/>
    <w:rsid w:val="00AA1C79"/>
    <w:rsid w:val="00AA32B0"/>
    <w:rsid w:val="00AB5D25"/>
    <w:rsid w:val="00AB6172"/>
    <w:rsid w:val="00AB6ADF"/>
    <w:rsid w:val="00AC2CEE"/>
    <w:rsid w:val="00AC5249"/>
    <w:rsid w:val="00AD0119"/>
    <w:rsid w:val="00AD1083"/>
    <w:rsid w:val="00AD5B2B"/>
    <w:rsid w:val="00AD6B40"/>
    <w:rsid w:val="00AE10F1"/>
    <w:rsid w:val="00AE1F36"/>
    <w:rsid w:val="00AE442B"/>
    <w:rsid w:val="00AE58B2"/>
    <w:rsid w:val="00AE6FF8"/>
    <w:rsid w:val="00AE7CF3"/>
    <w:rsid w:val="00AE7FFC"/>
    <w:rsid w:val="00AF0689"/>
    <w:rsid w:val="00AF1480"/>
    <w:rsid w:val="00AF4A1F"/>
    <w:rsid w:val="00B07446"/>
    <w:rsid w:val="00B12CAB"/>
    <w:rsid w:val="00B1629E"/>
    <w:rsid w:val="00B224FE"/>
    <w:rsid w:val="00B25150"/>
    <w:rsid w:val="00B27C3D"/>
    <w:rsid w:val="00B3105F"/>
    <w:rsid w:val="00B3278E"/>
    <w:rsid w:val="00B33A3B"/>
    <w:rsid w:val="00B369E1"/>
    <w:rsid w:val="00B37E16"/>
    <w:rsid w:val="00B52BBB"/>
    <w:rsid w:val="00B702FA"/>
    <w:rsid w:val="00B7246E"/>
    <w:rsid w:val="00B74816"/>
    <w:rsid w:val="00B77B11"/>
    <w:rsid w:val="00B77C6E"/>
    <w:rsid w:val="00B85CB6"/>
    <w:rsid w:val="00B91471"/>
    <w:rsid w:val="00B9336A"/>
    <w:rsid w:val="00B9362E"/>
    <w:rsid w:val="00BA0FFA"/>
    <w:rsid w:val="00BA22AB"/>
    <w:rsid w:val="00BA3682"/>
    <w:rsid w:val="00BB2C54"/>
    <w:rsid w:val="00BC082F"/>
    <w:rsid w:val="00BC56BD"/>
    <w:rsid w:val="00BC644E"/>
    <w:rsid w:val="00BC653F"/>
    <w:rsid w:val="00BC7206"/>
    <w:rsid w:val="00BC76A7"/>
    <w:rsid w:val="00BD07F0"/>
    <w:rsid w:val="00BD558E"/>
    <w:rsid w:val="00BE02D3"/>
    <w:rsid w:val="00BE4577"/>
    <w:rsid w:val="00BF0BA3"/>
    <w:rsid w:val="00BF2011"/>
    <w:rsid w:val="00BF2547"/>
    <w:rsid w:val="00BF7DA3"/>
    <w:rsid w:val="00C01ED1"/>
    <w:rsid w:val="00C0687B"/>
    <w:rsid w:val="00C1043B"/>
    <w:rsid w:val="00C15627"/>
    <w:rsid w:val="00C21D58"/>
    <w:rsid w:val="00C22276"/>
    <w:rsid w:val="00C242A9"/>
    <w:rsid w:val="00C24960"/>
    <w:rsid w:val="00C26C6F"/>
    <w:rsid w:val="00C27641"/>
    <w:rsid w:val="00C34DC6"/>
    <w:rsid w:val="00C37002"/>
    <w:rsid w:val="00C4273C"/>
    <w:rsid w:val="00C50E86"/>
    <w:rsid w:val="00C56AE2"/>
    <w:rsid w:val="00C6350E"/>
    <w:rsid w:val="00C644E2"/>
    <w:rsid w:val="00C64BD9"/>
    <w:rsid w:val="00C6721E"/>
    <w:rsid w:val="00C676A3"/>
    <w:rsid w:val="00C6779A"/>
    <w:rsid w:val="00C75B49"/>
    <w:rsid w:val="00C81A0F"/>
    <w:rsid w:val="00C84FB1"/>
    <w:rsid w:val="00C87426"/>
    <w:rsid w:val="00C874F5"/>
    <w:rsid w:val="00C93A50"/>
    <w:rsid w:val="00C959EC"/>
    <w:rsid w:val="00C95DA1"/>
    <w:rsid w:val="00C96A4D"/>
    <w:rsid w:val="00C97E5F"/>
    <w:rsid w:val="00CA2B1E"/>
    <w:rsid w:val="00CA327C"/>
    <w:rsid w:val="00CA585A"/>
    <w:rsid w:val="00CA6DA1"/>
    <w:rsid w:val="00CB014E"/>
    <w:rsid w:val="00CB0D27"/>
    <w:rsid w:val="00CB5F10"/>
    <w:rsid w:val="00CB5FC9"/>
    <w:rsid w:val="00CC3C87"/>
    <w:rsid w:val="00CC54FC"/>
    <w:rsid w:val="00CC5613"/>
    <w:rsid w:val="00CC7DA4"/>
    <w:rsid w:val="00CD263E"/>
    <w:rsid w:val="00CD30BA"/>
    <w:rsid w:val="00CE1343"/>
    <w:rsid w:val="00CE19D0"/>
    <w:rsid w:val="00CE4BA3"/>
    <w:rsid w:val="00CE707E"/>
    <w:rsid w:val="00CF12D2"/>
    <w:rsid w:val="00CF2F7B"/>
    <w:rsid w:val="00CF31E7"/>
    <w:rsid w:val="00CF330C"/>
    <w:rsid w:val="00D01E38"/>
    <w:rsid w:val="00D020A1"/>
    <w:rsid w:val="00D02410"/>
    <w:rsid w:val="00D02DE2"/>
    <w:rsid w:val="00D03D15"/>
    <w:rsid w:val="00D04FB9"/>
    <w:rsid w:val="00D05D69"/>
    <w:rsid w:val="00D067D4"/>
    <w:rsid w:val="00D109F1"/>
    <w:rsid w:val="00D1193F"/>
    <w:rsid w:val="00D11F38"/>
    <w:rsid w:val="00D129EF"/>
    <w:rsid w:val="00D130FE"/>
    <w:rsid w:val="00D17594"/>
    <w:rsid w:val="00D217BE"/>
    <w:rsid w:val="00D252FB"/>
    <w:rsid w:val="00D35024"/>
    <w:rsid w:val="00D35800"/>
    <w:rsid w:val="00D35951"/>
    <w:rsid w:val="00D35FC2"/>
    <w:rsid w:val="00D42648"/>
    <w:rsid w:val="00D450E7"/>
    <w:rsid w:val="00D4658D"/>
    <w:rsid w:val="00D4710F"/>
    <w:rsid w:val="00D47753"/>
    <w:rsid w:val="00D5693B"/>
    <w:rsid w:val="00D62493"/>
    <w:rsid w:val="00D64F61"/>
    <w:rsid w:val="00D814A6"/>
    <w:rsid w:val="00D833B0"/>
    <w:rsid w:val="00D8443B"/>
    <w:rsid w:val="00D94551"/>
    <w:rsid w:val="00D95F25"/>
    <w:rsid w:val="00DB5E89"/>
    <w:rsid w:val="00DC1BEA"/>
    <w:rsid w:val="00DC3670"/>
    <w:rsid w:val="00DC3B34"/>
    <w:rsid w:val="00DC4865"/>
    <w:rsid w:val="00DC55A2"/>
    <w:rsid w:val="00DC5A61"/>
    <w:rsid w:val="00DD0D3E"/>
    <w:rsid w:val="00DD33AF"/>
    <w:rsid w:val="00DD3712"/>
    <w:rsid w:val="00DD3E32"/>
    <w:rsid w:val="00DD4997"/>
    <w:rsid w:val="00DD7AA0"/>
    <w:rsid w:val="00DE123B"/>
    <w:rsid w:val="00DE1599"/>
    <w:rsid w:val="00DE2294"/>
    <w:rsid w:val="00DE3514"/>
    <w:rsid w:val="00DE5041"/>
    <w:rsid w:val="00DE51CA"/>
    <w:rsid w:val="00DF2021"/>
    <w:rsid w:val="00DF35CC"/>
    <w:rsid w:val="00DF450B"/>
    <w:rsid w:val="00E10FA9"/>
    <w:rsid w:val="00E12C42"/>
    <w:rsid w:val="00E153AB"/>
    <w:rsid w:val="00E200B9"/>
    <w:rsid w:val="00E24D61"/>
    <w:rsid w:val="00E27D64"/>
    <w:rsid w:val="00E3182B"/>
    <w:rsid w:val="00E31DE8"/>
    <w:rsid w:val="00E333F8"/>
    <w:rsid w:val="00E356E1"/>
    <w:rsid w:val="00E432A6"/>
    <w:rsid w:val="00E4450C"/>
    <w:rsid w:val="00E4564D"/>
    <w:rsid w:val="00E50D02"/>
    <w:rsid w:val="00E51B87"/>
    <w:rsid w:val="00E54E86"/>
    <w:rsid w:val="00E56F5D"/>
    <w:rsid w:val="00E6471D"/>
    <w:rsid w:val="00E676B8"/>
    <w:rsid w:val="00E7079F"/>
    <w:rsid w:val="00E713DE"/>
    <w:rsid w:val="00E72ADF"/>
    <w:rsid w:val="00E74061"/>
    <w:rsid w:val="00E8044F"/>
    <w:rsid w:val="00E82C3B"/>
    <w:rsid w:val="00E83DF2"/>
    <w:rsid w:val="00E869BA"/>
    <w:rsid w:val="00E87D78"/>
    <w:rsid w:val="00E90B41"/>
    <w:rsid w:val="00EA313E"/>
    <w:rsid w:val="00EA3D9F"/>
    <w:rsid w:val="00EA7557"/>
    <w:rsid w:val="00EB4A21"/>
    <w:rsid w:val="00EB7FD2"/>
    <w:rsid w:val="00EC21F3"/>
    <w:rsid w:val="00EC33BF"/>
    <w:rsid w:val="00EC547F"/>
    <w:rsid w:val="00EC5DAB"/>
    <w:rsid w:val="00ED1579"/>
    <w:rsid w:val="00ED4D93"/>
    <w:rsid w:val="00ED56D5"/>
    <w:rsid w:val="00EE2C24"/>
    <w:rsid w:val="00EE6DB0"/>
    <w:rsid w:val="00EF69DA"/>
    <w:rsid w:val="00EF6DCD"/>
    <w:rsid w:val="00F01C7E"/>
    <w:rsid w:val="00F037B7"/>
    <w:rsid w:val="00F04B31"/>
    <w:rsid w:val="00F11A20"/>
    <w:rsid w:val="00F154D9"/>
    <w:rsid w:val="00F154E2"/>
    <w:rsid w:val="00F21CAD"/>
    <w:rsid w:val="00F2590D"/>
    <w:rsid w:val="00F40149"/>
    <w:rsid w:val="00F4130B"/>
    <w:rsid w:val="00F4176C"/>
    <w:rsid w:val="00F449BF"/>
    <w:rsid w:val="00F50ED4"/>
    <w:rsid w:val="00F64EBD"/>
    <w:rsid w:val="00F733D5"/>
    <w:rsid w:val="00F73C58"/>
    <w:rsid w:val="00F75950"/>
    <w:rsid w:val="00F80230"/>
    <w:rsid w:val="00F83101"/>
    <w:rsid w:val="00F8460A"/>
    <w:rsid w:val="00F9238D"/>
    <w:rsid w:val="00F93149"/>
    <w:rsid w:val="00F96DEE"/>
    <w:rsid w:val="00F971F7"/>
    <w:rsid w:val="00FA1B24"/>
    <w:rsid w:val="00FA205A"/>
    <w:rsid w:val="00FA2D5B"/>
    <w:rsid w:val="00FA473F"/>
    <w:rsid w:val="00FB2B20"/>
    <w:rsid w:val="00FB6838"/>
    <w:rsid w:val="00FB6D5A"/>
    <w:rsid w:val="00FB762A"/>
    <w:rsid w:val="00FC0E60"/>
    <w:rsid w:val="00FC260D"/>
    <w:rsid w:val="00FC6E18"/>
    <w:rsid w:val="00FC7C5A"/>
    <w:rsid w:val="00FD29CD"/>
    <w:rsid w:val="00FD36DF"/>
    <w:rsid w:val="00FE2DDB"/>
    <w:rsid w:val="00FE5005"/>
    <w:rsid w:val="00FE7F29"/>
    <w:rsid w:val="00FF75B1"/>
    <w:rsid w:val="00FF7AC0"/>
  </w:rsids>
  <m:mathPr>
    <m:mathFont m:val="Cambria Math"/>
    <m:brkBin m:val="before"/>
    <m:brkBinSub m:val="--"/>
    <m:smallFrac m:val="0"/>
    <m:dispDef/>
    <m:lMargin m:val="0"/>
    <m:rMargin m:val="0"/>
    <m:defJc m:val="centerGroup"/>
    <m:wrapIndent m:val="1440"/>
    <m:intLim m:val="subSup"/>
    <m:naryLim m:val="undOvr"/>
  </m:mathPr>
  <w:themeFontLang w:val="en-IN" w:eastAsia="zh-CN" w:bidi="hi-I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F5838D6"/>
  <w15:chartTrackingRefBased/>
  <w15:docId w15:val="{A19C4E19-E705-4206-9BC9-F30038C74BA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heme="minorHAnsi" w:eastAsiaTheme="minorHAnsi" w:hAnsiTheme="minorHAnsi" w:cstheme="minorBidi"/>
        <w:kern w:val="2"/>
        <w:sz w:val="22"/>
        <w:lang w:val="en-IN" w:eastAsia="en-US" w:bidi="hi-IN"/>
        <w14:ligatures w14:val="standardContextual"/>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64F0C"/>
    <w:rPr>
      <w:lang w:val="en-AU"/>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semiHidden/>
    <w:unhideWhenUsed/>
    <w:rsid w:val="00EC547F"/>
    <w:pPr>
      <w:spacing w:before="100" w:beforeAutospacing="1" w:after="100" w:afterAutospacing="1" w:line="240" w:lineRule="auto"/>
    </w:pPr>
    <w:rPr>
      <w:rFonts w:ascii="Times New Roman" w:eastAsia="Times New Roman" w:hAnsi="Times New Roman" w:cs="Times New Roman"/>
      <w:kern w:val="0"/>
      <w:sz w:val="24"/>
      <w:szCs w:val="24"/>
      <w:lang w:val="en-IN" w:eastAsia="en-IN" w:bidi="ar-SA"/>
      <w14:ligatures w14:val="none"/>
    </w:rPr>
  </w:style>
  <w:style w:type="character" w:styleId="Strong">
    <w:name w:val="Strong"/>
    <w:basedOn w:val="DefaultParagraphFont"/>
    <w:uiPriority w:val="22"/>
    <w:qFormat/>
    <w:rsid w:val="00EC547F"/>
    <w:rPr>
      <w:b/>
      <w:bCs/>
    </w:rPr>
  </w:style>
  <w:style w:type="table" w:styleId="TableGrid">
    <w:name w:val="Table Grid"/>
    <w:basedOn w:val="TableNormal"/>
    <w:uiPriority w:val="39"/>
    <w:rsid w:val="00E82C3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BC082F"/>
    <w:pPr>
      <w:ind w:left="720"/>
      <w:contextualSpacing/>
    </w:pPr>
  </w:style>
  <w:style w:type="character" w:styleId="Hyperlink">
    <w:name w:val="Hyperlink"/>
    <w:basedOn w:val="DefaultParagraphFont"/>
    <w:uiPriority w:val="99"/>
    <w:semiHidden/>
    <w:unhideWhenUsed/>
    <w:rsid w:val="00C0687B"/>
    <w:rPr>
      <w:color w:val="0000FF"/>
      <w:u w:val="single"/>
    </w:rPr>
  </w:style>
  <w:style w:type="character" w:styleId="Emphasis">
    <w:name w:val="Emphasis"/>
    <w:basedOn w:val="DefaultParagraphFont"/>
    <w:uiPriority w:val="20"/>
    <w:qFormat/>
    <w:rsid w:val="00C0687B"/>
    <w:rPr>
      <w:i/>
      <w:i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05733763">
      <w:bodyDiv w:val="1"/>
      <w:marLeft w:val="0"/>
      <w:marRight w:val="0"/>
      <w:marTop w:val="0"/>
      <w:marBottom w:val="0"/>
      <w:divBdr>
        <w:top w:val="none" w:sz="0" w:space="0" w:color="auto"/>
        <w:left w:val="none" w:sz="0" w:space="0" w:color="auto"/>
        <w:bottom w:val="none" w:sz="0" w:space="0" w:color="auto"/>
        <w:right w:val="none" w:sz="0" w:space="0" w:color="auto"/>
      </w:divBdr>
    </w:div>
    <w:div w:id="110440778">
      <w:bodyDiv w:val="1"/>
      <w:marLeft w:val="0"/>
      <w:marRight w:val="0"/>
      <w:marTop w:val="0"/>
      <w:marBottom w:val="0"/>
      <w:divBdr>
        <w:top w:val="none" w:sz="0" w:space="0" w:color="auto"/>
        <w:left w:val="none" w:sz="0" w:space="0" w:color="auto"/>
        <w:bottom w:val="none" w:sz="0" w:space="0" w:color="auto"/>
        <w:right w:val="none" w:sz="0" w:space="0" w:color="auto"/>
      </w:divBdr>
      <w:divsChild>
        <w:div w:id="1218857052">
          <w:marLeft w:val="0"/>
          <w:marRight w:val="0"/>
          <w:marTop w:val="0"/>
          <w:marBottom w:val="0"/>
          <w:divBdr>
            <w:top w:val="none" w:sz="0" w:space="0" w:color="auto"/>
            <w:left w:val="none" w:sz="0" w:space="0" w:color="auto"/>
            <w:bottom w:val="none" w:sz="0" w:space="0" w:color="auto"/>
            <w:right w:val="none" w:sz="0" w:space="0" w:color="auto"/>
          </w:divBdr>
          <w:divsChild>
            <w:div w:id="16232259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97421940">
      <w:bodyDiv w:val="1"/>
      <w:marLeft w:val="0"/>
      <w:marRight w:val="0"/>
      <w:marTop w:val="0"/>
      <w:marBottom w:val="0"/>
      <w:divBdr>
        <w:top w:val="none" w:sz="0" w:space="0" w:color="auto"/>
        <w:left w:val="none" w:sz="0" w:space="0" w:color="auto"/>
        <w:bottom w:val="none" w:sz="0" w:space="0" w:color="auto"/>
        <w:right w:val="none" w:sz="0" w:space="0" w:color="auto"/>
      </w:divBdr>
    </w:div>
    <w:div w:id="378746363">
      <w:bodyDiv w:val="1"/>
      <w:marLeft w:val="0"/>
      <w:marRight w:val="0"/>
      <w:marTop w:val="0"/>
      <w:marBottom w:val="0"/>
      <w:divBdr>
        <w:top w:val="none" w:sz="0" w:space="0" w:color="auto"/>
        <w:left w:val="none" w:sz="0" w:space="0" w:color="auto"/>
        <w:bottom w:val="none" w:sz="0" w:space="0" w:color="auto"/>
        <w:right w:val="none" w:sz="0" w:space="0" w:color="auto"/>
      </w:divBdr>
    </w:div>
    <w:div w:id="537814691">
      <w:bodyDiv w:val="1"/>
      <w:marLeft w:val="0"/>
      <w:marRight w:val="0"/>
      <w:marTop w:val="0"/>
      <w:marBottom w:val="0"/>
      <w:divBdr>
        <w:top w:val="none" w:sz="0" w:space="0" w:color="auto"/>
        <w:left w:val="none" w:sz="0" w:space="0" w:color="auto"/>
        <w:bottom w:val="none" w:sz="0" w:space="0" w:color="auto"/>
        <w:right w:val="none" w:sz="0" w:space="0" w:color="auto"/>
      </w:divBdr>
    </w:div>
    <w:div w:id="559364748">
      <w:bodyDiv w:val="1"/>
      <w:marLeft w:val="0"/>
      <w:marRight w:val="0"/>
      <w:marTop w:val="0"/>
      <w:marBottom w:val="0"/>
      <w:divBdr>
        <w:top w:val="none" w:sz="0" w:space="0" w:color="auto"/>
        <w:left w:val="none" w:sz="0" w:space="0" w:color="auto"/>
        <w:bottom w:val="none" w:sz="0" w:space="0" w:color="auto"/>
        <w:right w:val="none" w:sz="0" w:space="0" w:color="auto"/>
      </w:divBdr>
    </w:div>
    <w:div w:id="569316689">
      <w:bodyDiv w:val="1"/>
      <w:marLeft w:val="0"/>
      <w:marRight w:val="0"/>
      <w:marTop w:val="0"/>
      <w:marBottom w:val="0"/>
      <w:divBdr>
        <w:top w:val="none" w:sz="0" w:space="0" w:color="auto"/>
        <w:left w:val="none" w:sz="0" w:space="0" w:color="auto"/>
        <w:bottom w:val="none" w:sz="0" w:space="0" w:color="auto"/>
        <w:right w:val="none" w:sz="0" w:space="0" w:color="auto"/>
      </w:divBdr>
    </w:div>
    <w:div w:id="577833505">
      <w:bodyDiv w:val="1"/>
      <w:marLeft w:val="0"/>
      <w:marRight w:val="0"/>
      <w:marTop w:val="0"/>
      <w:marBottom w:val="0"/>
      <w:divBdr>
        <w:top w:val="none" w:sz="0" w:space="0" w:color="auto"/>
        <w:left w:val="none" w:sz="0" w:space="0" w:color="auto"/>
        <w:bottom w:val="none" w:sz="0" w:space="0" w:color="auto"/>
        <w:right w:val="none" w:sz="0" w:space="0" w:color="auto"/>
      </w:divBdr>
    </w:div>
    <w:div w:id="606818066">
      <w:bodyDiv w:val="1"/>
      <w:marLeft w:val="0"/>
      <w:marRight w:val="0"/>
      <w:marTop w:val="0"/>
      <w:marBottom w:val="0"/>
      <w:divBdr>
        <w:top w:val="none" w:sz="0" w:space="0" w:color="auto"/>
        <w:left w:val="none" w:sz="0" w:space="0" w:color="auto"/>
        <w:bottom w:val="none" w:sz="0" w:space="0" w:color="auto"/>
        <w:right w:val="none" w:sz="0" w:space="0" w:color="auto"/>
      </w:divBdr>
    </w:div>
    <w:div w:id="654144916">
      <w:bodyDiv w:val="1"/>
      <w:marLeft w:val="0"/>
      <w:marRight w:val="0"/>
      <w:marTop w:val="0"/>
      <w:marBottom w:val="0"/>
      <w:divBdr>
        <w:top w:val="none" w:sz="0" w:space="0" w:color="auto"/>
        <w:left w:val="none" w:sz="0" w:space="0" w:color="auto"/>
        <w:bottom w:val="none" w:sz="0" w:space="0" w:color="auto"/>
        <w:right w:val="none" w:sz="0" w:space="0" w:color="auto"/>
      </w:divBdr>
    </w:div>
    <w:div w:id="655963702">
      <w:bodyDiv w:val="1"/>
      <w:marLeft w:val="0"/>
      <w:marRight w:val="0"/>
      <w:marTop w:val="0"/>
      <w:marBottom w:val="0"/>
      <w:divBdr>
        <w:top w:val="none" w:sz="0" w:space="0" w:color="auto"/>
        <w:left w:val="none" w:sz="0" w:space="0" w:color="auto"/>
        <w:bottom w:val="none" w:sz="0" w:space="0" w:color="auto"/>
        <w:right w:val="none" w:sz="0" w:space="0" w:color="auto"/>
      </w:divBdr>
    </w:div>
    <w:div w:id="726605776">
      <w:bodyDiv w:val="1"/>
      <w:marLeft w:val="0"/>
      <w:marRight w:val="0"/>
      <w:marTop w:val="0"/>
      <w:marBottom w:val="0"/>
      <w:divBdr>
        <w:top w:val="none" w:sz="0" w:space="0" w:color="auto"/>
        <w:left w:val="none" w:sz="0" w:space="0" w:color="auto"/>
        <w:bottom w:val="none" w:sz="0" w:space="0" w:color="auto"/>
        <w:right w:val="none" w:sz="0" w:space="0" w:color="auto"/>
      </w:divBdr>
    </w:div>
    <w:div w:id="754210138">
      <w:bodyDiv w:val="1"/>
      <w:marLeft w:val="0"/>
      <w:marRight w:val="0"/>
      <w:marTop w:val="0"/>
      <w:marBottom w:val="0"/>
      <w:divBdr>
        <w:top w:val="none" w:sz="0" w:space="0" w:color="auto"/>
        <w:left w:val="none" w:sz="0" w:space="0" w:color="auto"/>
        <w:bottom w:val="none" w:sz="0" w:space="0" w:color="auto"/>
        <w:right w:val="none" w:sz="0" w:space="0" w:color="auto"/>
      </w:divBdr>
    </w:div>
    <w:div w:id="902762631">
      <w:bodyDiv w:val="1"/>
      <w:marLeft w:val="0"/>
      <w:marRight w:val="0"/>
      <w:marTop w:val="0"/>
      <w:marBottom w:val="0"/>
      <w:divBdr>
        <w:top w:val="none" w:sz="0" w:space="0" w:color="auto"/>
        <w:left w:val="none" w:sz="0" w:space="0" w:color="auto"/>
        <w:bottom w:val="none" w:sz="0" w:space="0" w:color="auto"/>
        <w:right w:val="none" w:sz="0" w:space="0" w:color="auto"/>
      </w:divBdr>
    </w:div>
    <w:div w:id="943801429">
      <w:bodyDiv w:val="1"/>
      <w:marLeft w:val="0"/>
      <w:marRight w:val="0"/>
      <w:marTop w:val="0"/>
      <w:marBottom w:val="0"/>
      <w:divBdr>
        <w:top w:val="none" w:sz="0" w:space="0" w:color="auto"/>
        <w:left w:val="none" w:sz="0" w:space="0" w:color="auto"/>
        <w:bottom w:val="none" w:sz="0" w:space="0" w:color="auto"/>
        <w:right w:val="none" w:sz="0" w:space="0" w:color="auto"/>
      </w:divBdr>
    </w:div>
    <w:div w:id="1066683566">
      <w:bodyDiv w:val="1"/>
      <w:marLeft w:val="0"/>
      <w:marRight w:val="0"/>
      <w:marTop w:val="0"/>
      <w:marBottom w:val="0"/>
      <w:divBdr>
        <w:top w:val="none" w:sz="0" w:space="0" w:color="auto"/>
        <w:left w:val="none" w:sz="0" w:space="0" w:color="auto"/>
        <w:bottom w:val="none" w:sz="0" w:space="0" w:color="auto"/>
        <w:right w:val="none" w:sz="0" w:space="0" w:color="auto"/>
      </w:divBdr>
    </w:div>
    <w:div w:id="1180197455">
      <w:bodyDiv w:val="1"/>
      <w:marLeft w:val="0"/>
      <w:marRight w:val="0"/>
      <w:marTop w:val="0"/>
      <w:marBottom w:val="0"/>
      <w:divBdr>
        <w:top w:val="none" w:sz="0" w:space="0" w:color="auto"/>
        <w:left w:val="none" w:sz="0" w:space="0" w:color="auto"/>
        <w:bottom w:val="none" w:sz="0" w:space="0" w:color="auto"/>
        <w:right w:val="none" w:sz="0" w:space="0" w:color="auto"/>
      </w:divBdr>
    </w:div>
    <w:div w:id="1458141846">
      <w:bodyDiv w:val="1"/>
      <w:marLeft w:val="0"/>
      <w:marRight w:val="0"/>
      <w:marTop w:val="0"/>
      <w:marBottom w:val="0"/>
      <w:divBdr>
        <w:top w:val="none" w:sz="0" w:space="0" w:color="auto"/>
        <w:left w:val="none" w:sz="0" w:space="0" w:color="auto"/>
        <w:bottom w:val="none" w:sz="0" w:space="0" w:color="auto"/>
        <w:right w:val="none" w:sz="0" w:space="0" w:color="auto"/>
      </w:divBdr>
    </w:div>
    <w:div w:id="1668748595">
      <w:bodyDiv w:val="1"/>
      <w:marLeft w:val="0"/>
      <w:marRight w:val="0"/>
      <w:marTop w:val="0"/>
      <w:marBottom w:val="0"/>
      <w:divBdr>
        <w:top w:val="none" w:sz="0" w:space="0" w:color="auto"/>
        <w:left w:val="none" w:sz="0" w:space="0" w:color="auto"/>
        <w:bottom w:val="none" w:sz="0" w:space="0" w:color="auto"/>
        <w:right w:val="none" w:sz="0" w:space="0" w:color="auto"/>
      </w:divBdr>
    </w:div>
    <w:div w:id="1767269818">
      <w:bodyDiv w:val="1"/>
      <w:marLeft w:val="0"/>
      <w:marRight w:val="0"/>
      <w:marTop w:val="0"/>
      <w:marBottom w:val="0"/>
      <w:divBdr>
        <w:top w:val="none" w:sz="0" w:space="0" w:color="auto"/>
        <w:left w:val="none" w:sz="0" w:space="0" w:color="auto"/>
        <w:bottom w:val="none" w:sz="0" w:space="0" w:color="auto"/>
        <w:right w:val="none" w:sz="0" w:space="0" w:color="auto"/>
      </w:divBdr>
    </w:div>
    <w:div w:id="1805269058">
      <w:bodyDiv w:val="1"/>
      <w:marLeft w:val="0"/>
      <w:marRight w:val="0"/>
      <w:marTop w:val="0"/>
      <w:marBottom w:val="0"/>
      <w:divBdr>
        <w:top w:val="none" w:sz="0" w:space="0" w:color="auto"/>
        <w:left w:val="none" w:sz="0" w:space="0" w:color="auto"/>
        <w:bottom w:val="none" w:sz="0" w:space="0" w:color="auto"/>
        <w:right w:val="none" w:sz="0" w:space="0" w:color="auto"/>
      </w:divBdr>
    </w:div>
    <w:div w:id="19532408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chart" Target="charts/chart4.xml"/><Relationship Id="rId13" Type="http://schemas.openxmlformats.org/officeDocument/2006/relationships/hyperlink" Target="https://ideas.repec.org/a/eee/jimfin/v30y2011i3p547-571.html" TargetMode="Externa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chart" Target="charts/chart3.xml"/><Relationship Id="rId12" Type="http://schemas.openxmlformats.org/officeDocument/2006/relationships/hyperlink" Target="https://ideas.repec.org/a/eee/jbfina/v128y2021ics0378426621001229.html" TargetMode="External"/><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hyperlink" Target="https://ideas.repec.org/a/eme/cfripp/cfri-06-2016-0051.html" TargetMode="External"/><Relationship Id="rId1" Type="http://schemas.openxmlformats.org/officeDocument/2006/relationships/numbering" Target="numbering.xml"/><Relationship Id="rId6" Type="http://schemas.openxmlformats.org/officeDocument/2006/relationships/chart" Target="charts/chart2.xml"/><Relationship Id="rId11" Type="http://schemas.openxmlformats.org/officeDocument/2006/relationships/hyperlink" Target="https://doi.org/10.3386/w10449" TargetMode="External"/><Relationship Id="rId5" Type="http://schemas.openxmlformats.org/officeDocument/2006/relationships/chart" Target="charts/chart1.xml"/><Relationship Id="rId15" Type="http://schemas.openxmlformats.org/officeDocument/2006/relationships/hyperlink" Target="https://ideas.repec.org/a/eee/jebusi/v118y2022ics0148619521000394.html" TargetMode="External"/><Relationship Id="rId10" Type="http://schemas.openxmlformats.org/officeDocument/2006/relationships/chart" Target="charts/chart6.xml"/><Relationship Id="rId4" Type="http://schemas.openxmlformats.org/officeDocument/2006/relationships/webSettings" Target="webSettings.xml"/><Relationship Id="rId9" Type="http://schemas.openxmlformats.org/officeDocument/2006/relationships/chart" Target="charts/chart5.xml"/><Relationship Id="rId14" Type="http://schemas.openxmlformats.org/officeDocument/2006/relationships/hyperlink" Target="https://eprints.gla.ac.uk/209237/" TargetMode="External"/></Relationships>
</file>

<file path=word/charts/_rels/chart1.xml.rels><?xml version="1.0" encoding="UTF-8" standalone="yes"?>
<Relationships xmlns="http://schemas.openxmlformats.org/package/2006/relationships"><Relationship Id="rId3" Type="http://schemas.openxmlformats.org/officeDocument/2006/relationships/oleObject" Target="https://d.docs.live.net/c5611c778778c8db/Portfolio%20Management/Assignment/solution.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https://d.docs.live.net/c5611c778778c8db/Portfolio%20Management/Assignment/solution.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s4761003\Documents\solution.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s4761003\Documents\solution.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https://d.docs.live.net/c5611c778778c8db/Portfolio%20Management/Assignment/solution.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https://d.docs.live.net/c5611c778778c8db/Portfolio%20Management/Assignment/solution.xlsx" TargetMode="External"/><Relationship Id="rId2" Type="http://schemas.microsoft.com/office/2011/relationships/chartColorStyle" Target="colors6.xml"/><Relationship Id="rId1" Type="http://schemas.microsoft.com/office/2011/relationships/chartStyle" Target="style6.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AU"/>
              <a:t>Alpha</a:t>
            </a:r>
            <a:r>
              <a:rPr lang="en-AU" baseline="0"/>
              <a:t> (</a:t>
            </a:r>
            <a:r>
              <a:rPr lang="en-US" sz="1400" b="0" i="0" u="none" strike="noStrike" baseline="0">
                <a:effectLst/>
              </a:rPr>
              <a:t>α</a:t>
            </a:r>
            <a:r>
              <a:rPr lang="en-AU" baseline="0"/>
              <a:t>)</a:t>
            </a:r>
            <a:endParaRPr lang="en-AU"/>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solution.xlsx]Q1'!$A$6547</c:f>
              <c:strCache>
                <c:ptCount val="1"/>
                <c:pt idx="0">
                  <c:v>alpha</c:v>
                </c:pt>
              </c:strCache>
            </c:strRef>
          </c:tx>
          <c:spPr>
            <a:ln w="28575" cap="rnd">
              <a:solidFill>
                <a:schemeClr val="accent2"/>
              </a:solidFill>
              <a:round/>
            </a:ln>
            <a:effectLst/>
          </c:spPr>
          <c:marker>
            <c:symbol val="none"/>
          </c:marker>
          <c:cat>
            <c:strRef>
              <c:f>'[solution.xlsx]Q1'!$B$6545:$Z$6545</c:f>
              <c:strCache>
                <c:ptCount val="25"/>
                <c:pt idx="0">
                  <c:v>SMALL LoBM</c:v>
                </c:pt>
                <c:pt idx="1">
                  <c:v>ME1 BM2</c:v>
                </c:pt>
                <c:pt idx="2">
                  <c:v>ME1 BM3</c:v>
                </c:pt>
                <c:pt idx="3">
                  <c:v>ME1 BM4</c:v>
                </c:pt>
                <c:pt idx="4">
                  <c:v>SMALL HiBM</c:v>
                </c:pt>
                <c:pt idx="5">
                  <c:v>ME2 BM1</c:v>
                </c:pt>
                <c:pt idx="6">
                  <c:v>ME2 BM2</c:v>
                </c:pt>
                <c:pt idx="7">
                  <c:v>ME2 BM3</c:v>
                </c:pt>
                <c:pt idx="8">
                  <c:v>ME2 BM4</c:v>
                </c:pt>
                <c:pt idx="9">
                  <c:v>ME2 BM5</c:v>
                </c:pt>
                <c:pt idx="10">
                  <c:v>ME3 BM1</c:v>
                </c:pt>
                <c:pt idx="11">
                  <c:v>ME3 BM2</c:v>
                </c:pt>
                <c:pt idx="12">
                  <c:v>ME3 BM3</c:v>
                </c:pt>
                <c:pt idx="13">
                  <c:v>ME3 BM4</c:v>
                </c:pt>
                <c:pt idx="14">
                  <c:v>ME3 BM5</c:v>
                </c:pt>
                <c:pt idx="15">
                  <c:v>ME4 BM1</c:v>
                </c:pt>
                <c:pt idx="16">
                  <c:v>ME4 BM2</c:v>
                </c:pt>
                <c:pt idx="17">
                  <c:v>ME4 BM3</c:v>
                </c:pt>
                <c:pt idx="18">
                  <c:v>ME4 BM4</c:v>
                </c:pt>
                <c:pt idx="19">
                  <c:v>ME4 BM5</c:v>
                </c:pt>
                <c:pt idx="20">
                  <c:v>BIG LoBM</c:v>
                </c:pt>
                <c:pt idx="21">
                  <c:v>ME5 BM2</c:v>
                </c:pt>
                <c:pt idx="22">
                  <c:v>ME5 BM3</c:v>
                </c:pt>
                <c:pt idx="23">
                  <c:v>ME5 BM4</c:v>
                </c:pt>
                <c:pt idx="24">
                  <c:v>BIG HiBM</c:v>
                </c:pt>
              </c:strCache>
            </c:strRef>
          </c:cat>
          <c:val>
            <c:numRef>
              <c:f>'[solution.xlsx]Q1'!$B$6547:$Z$6547</c:f>
              <c:numCache>
                <c:formatCode>General</c:formatCode>
                <c:ptCount val="25"/>
                <c:pt idx="0">
                  <c:v>-2.3800688811275526E-2</c:v>
                </c:pt>
                <c:pt idx="1">
                  <c:v>4.5537713201470806E-3</c:v>
                </c:pt>
                <c:pt idx="2">
                  <c:v>4.0190625924349174E-3</c:v>
                </c:pt>
                <c:pt idx="3">
                  <c:v>1.5295176534542002E-2</c:v>
                </c:pt>
                <c:pt idx="4">
                  <c:v>2.019471003356401E-2</c:v>
                </c:pt>
                <c:pt idx="5">
                  <c:v>-5.5064825992521271E-3</c:v>
                </c:pt>
                <c:pt idx="6">
                  <c:v>1.0045114472467725E-2</c:v>
                </c:pt>
                <c:pt idx="7">
                  <c:v>7.4355715044910203E-3</c:v>
                </c:pt>
                <c:pt idx="8">
                  <c:v>5.6079166570626657E-3</c:v>
                </c:pt>
                <c:pt idx="9">
                  <c:v>6.1085961150229295E-3</c:v>
                </c:pt>
                <c:pt idx="10">
                  <c:v>-5.159481712809319E-3</c:v>
                </c:pt>
                <c:pt idx="11">
                  <c:v>1.059237143038981E-2</c:v>
                </c:pt>
                <c:pt idx="12">
                  <c:v>4.5588949266549827E-3</c:v>
                </c:pt>
                <c:pt idx="13">
                  <c:v>6.7031743646106534E-3</c:v>
                </c:pt>
                <c:pt idx="14">
                  <c:v>1.1301260085904576E-2</c:v>
                </c:pt>
                <c:pt idx="15">
                  <c:v>7.1507047469006046E-3</c:v>
                </c:pt>
                <c:pt idx="16">
                  <c:v>9.7282562408481238E-3</c:v>
                </c:pt>
                <c:pt idx="17">
                  <c:v>4.9948814000456213E-3</c:v>
                </c:pt>
                <c:pt idx="18">
                  <c:v>7.1028274830753566E-3</c:v>
                </c:pt>
                <c:pt idx="19">
                  <c:v>1.9095295774778781E-3</c:v>
                </c:pt>
                <c:pt idx="20">
                  <c:v>6.6741878429308343E-3</c:v>
                </c:pt>
                <c:pt idx="21">
                  <c:v>3.5894557200021361E-3</c:v>
                </c:pt>
                <c:pt idx="22">
                  <c:v>3.8779102718212201E-3</c:v>
                </c:pt>
                <c:pt idx="23">
                  <c:v>-1.2145111923171772E-2</c:v>
                </c:pt>
                <c:pt idx="24">
                  <c:v>-4.0205852845953335E-3</c:v>
                </c:pt>
              </c:numCache>
            </c:numRef>
          </c:val>
          <c:smooth val="0"/>
          <c:extLst>
            <c:ext xmlns:c16="http://schemas.microsoft.com/office/drawing/2014/chart" uri="{C3380CC4-5D6E-409C-BE32-E72D297353CC}">
              <c16:uniqueId val="{00000000-C228-4003-BBB4-E6D216945A66}"/>
            </c:ext>
          </c:extLst>
        </c:ser>
        <c:dLbls>
          <c:showLegendKey val="0"/>
          <c:showVal val="0"/>
          <c:showCatName val="0"/>
          <c:showSerName val="0"/>
          <c:showPercent val="0"/>
          <c:showBubbleSize val="0"/>
        </c:dLbls>
        <c:smooth val="0"/>
        <c:axId val="1194511791"/>
        <c:axId val="1194494319"/>
      </c:lineChart>
      <c:catAx>
        <c:axId val="1194511791"/>
        <c:scaling>
          <c:orientation val="minMax"/>
        </c:scaling>
        <c:delete val="0"/>
        <c:axPos val="t"/>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194494319"/>
        <c:crosses val="max"/>
        <c:auto val="1"/>
        <c:lblAlgn val="ctr"/>
        <c:lblOffset val="100"/>
        <c:noMultiLvlLbl val="0"/>
      </c:catAx>
      <c:valAx>
        <c:axId val="119449431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194511791"/>
        <c:crossesAt val="0"/>
        <c:crossBetween val="midCat"/>
      </c:valAx>
      <c:spPr>
        <a:noFill/>
        <a:ln>
          <a:noFill/>
        </a:ln>
        <a:effectLst>
          <a:glow rad="127000">
            <a:schemeClr val="tx1">
              <a:lumMod val="50000"/>
              <a:lumOff val="50000"/>
            </a:schemeClr>
          </a:glow>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1" i="0" u="none" strike="noStrike" kern="1200" cap="none" baseline="0">
              <a:solidFill>
                <a:schemeClr val="lt1">
                  <a:lumMod val="85000"/>
                </a:schemeClr>
              </a:solidFill>
              <a:latin typeface="+mn-lt"/>
              <a:ea typeface="+mn-ea"/>
              <a:cs typeface="+mn-cs"/>
            </a:defRPr>
          </a:pPr>
          <a:endParaRPr lang="en-US"/>
        </a:p>
      </c:txPr>
    </c:title>
    <c:autoTitleDeleted val="0"/>
    <c:plotArea>
      <c:layout/>
      <c:scatterChart>
        <c:scatterStyle val="lineMarker"/>
        <c:varyColors val="0"/>
        <c:ser>
          <c:idx val="0"/>
          <c:order val="0"/>
          <c:tx>
            <c:v>Beta vs alpha</c:v>
          </c:tx>
          <c:spPr>
            <a:ln w="25400" cap="rnd">
              <a:noFill/>
            </a:ln>
            <a:effectLst>
              <a:glow rad="139700">
                <a:schemeClr val="accent1">
                  <a:satMod val="175000"/>
                  <a:alpha val="14000"/>
                </a:schemeClr>
              </a:glow>
            </a:effectLst>
          </c:spPr>
          <c:marker>
            <c:symbol val="circle"/>
            <c:size val="3"/>
            <c:spPr>
              <a:solidFill>
                <a:schemeClr val="accent1">
                  <a:lumMod val="60000"/>
                  <a:lumOff val="40000"/>
                </a:schemeClr>
              </a:solidFill>
              <a:ln>
                <a:noFill/>
              </a:ln>
              <a:effectLst>
                <a:glow rad="63500">
                  <a:schemeClr val="accent1">
                    <a:satMod val="175000"/>
                    <a:alpha val="25000"/>
                  </a:schemeClr>
                </a:glow>
              </a:effectLst>
            </c:spPr>
          </c:marker>
          <c:trendline>
            <c:spPr>
              <a:ln w="25400" cap="rnd">
                <a:solidFill>
                  <a:schemeClr val="accent1">
                    <a:alpha val="50000"/>
                  </a:schemeClr>
                </a:solidFill>
              </a:ln>
              <a:effectLst/>
            </c:spPr>
            <c:trendlineType val="linear"/>
            <c:dispRSqr val="0"/>
            <c:dispEq val="0"/>
          </c:trendline>
          <c:trendline>
            <c:spPr>
              <a:ln w="25400" cap="rnd">
                <a:solidFill>
                  <a:schemeClr val="accent1">
                    <a:alpha val="50000"/>
                  </a:schemeClr>
                </a:solidFill>
              </a:ln>
              <a:effectLst/>
            </c:spPr>
            <c:trendlineType val="linear"/>
            <c:dispRSqr val="0"/>
            <c:dispEq val="0"/>
          </c:trendline>
          <c:xVal>
            <c:numRef>
              <c:f>'[solution.xlsx]Q1'!$B$6547:$Z$6547</c:f>
              <c:numCache>
                <c:formatCode>General</c:formatCode>
                <c:ptCount val="25"/>
                <c:pt idx="0">
                  <c:v>-2.3800688811275526E-2</c:v>
                </c:pt>
                <c:pt idx="1">
                  <c:v>4.5537713201470806E-3</c:v>
                </c:pt>
                <c:pt idx="2">
                  <c:v>4.0190625924349174E-3</c:v>
                </c:pt>
                <c:pt idx="3">
                  <c:v>1.5295176534542002E-2</c:v>
                </c:pt>
                <c:pt idx="4">
                  <c:v>2.019471003356401E-2</c:v>
                </c:pt>
                <c:pt idx="5">
                  <c:v>-5.5064825992521271E-3</c:v>
                </c:pt>
                <c:pt idx="6">
                  <c:v>1.0045114472467725E-2</c:v>
                </c:pt>
                <c:pt idx="7">
                  <c:v>7.4355715044910203E-3</c:v>
                </c:pt>
                <c:pt idx="8">
                  <c:v>5.6079166570626657E-3</c:v>
                </c:pt>
                <c:pt idx="9">
                  <c:v>6.1085961150229295E-3</c:v>
                </c:pt>
                <c:pt idx="10">
                  <c:v>-5.159481712809319E-3</c:v>
                </c:pt>
                <c:pt idx="11">
                  <c:v>1.059237143038981E-2</c:v>
                </c:pt>
                <c:pt idx="12">
                  <c:v>4.5588949266549827E-3</c:v>
                </c:pt>
                <c:pt idx="13">
                  <c:v>6.7031743646106534E-3</c:v>
                </c:pt>
                <c:pt idx="14">
                  <c:v>1.1301260085904576E-2</c:v>
                </c:pt>
                <c:pt idx="15">
                  <c:v>7.1507047469006046E-3</c:v>
                </c:pt>
                <c:pt idx="16">
                  <c:v>9.7282562408481238E-3</c:v>
                </c:pt>
                <c:pt idx="17">
                  <c:v>4.9948814000456213E-3</c:v>
                </c:pt>
                <c:pt idx="18">
                  <c:v>7.1028274830753566E-3</c:v>
                </c:pt>
                <c:pt idx="19">
                  <c:v>1.9095295774778781E-3</c:v>
                </c:pt>
                <c:pt idx="20">
                  <c:v>6.6741878429308343E-3</c:v>
                </c:pt>
                <c:pt idx="21">
                  <c:v>3.5894557200021361E-3</c:v>
                </c:pt>
                <c:pt idx="22">
                  <c:v>3.8779102718212201E-3</c:v>
                </c:pt>
                <c:pt idx="23">
                  <c:v>-1.2145111923171772E-2</c:v>
                </c:pt>
                <c:pt idx="24">
                  <c:v>-4.0205852845953335E-3</c:v>
                </c:pt>
              </c:numCache>
            </c:numRef>
          </c:xVal>
          <c:yVal>
            <c:numRef>
              <c:f>'[solution.xlsx]Q1'!$B$6546:$Z$6546</c:f>
              <c:numCache>
                <c:formatCode>General</c:formatCode>
                <c:ptCount val="25"/>
                <c:pt idx="0">
                  <c:v>1.0940576848156152</c:v>
                </c:pt>
                <c:pt idx="1">
                  <c:v>1.0347301062148047</c:v>
                </c:pt>
                <c:pt idx="2">
                  <c:v>0.94813643273685044</c:v>
                </c:pt>
                <c:pt idx="3">
                  <c:v>0.93270580936753655</c:v>
                </c:pt>
                <c:pt idx="4">
                  <c:v>0.86522863139634465</c:v>
                </c:pt>
                <c:pt idx="5">
                  <c:v>1.1747316080016246</c:v>
                </c:pt>
                <c:pt idx="6">
                  <c:v>1.086965443139368</c:v>
                </c:pt>
                <c:pt idx="7">
                  <c:v>1.0382876715922904</c:v>
                </c:pt>
                <c:pt idx="8">
                  <c:v>1.0329274916747893</c:v>
                </c:pt>
                <c:pt idx="9">
                  <c:v>1.1172868105566263</c:v>
                </c:pt>
                <c:pt idx="10">
                  <c:v>1.1730948185682832</c:v>
                </c:pt>
                <c:pt idx="11">
                  <c:v>1.0391365117883666</c:v>
                </c:pt>
                <c:pt idx="12">
                  <c:v>1.0051821420168892</c:v>
                </c:pt>
                <c:pt idx="13">
                  <c:v>1.0138603289234884</c:v>
                </c:pt>
                <c:pt idx="14">
                  <c:v>1.0987759525347356</c:v>
                </c:pt>
                <c:pt idx="15">
                  <c:v>1.1058372268007759</c:v>
                </c:pt>
                <c:pt idx="16">
                  <c:v>0.97493553577297587</c:v>
                </c:pt>
                <c:pt idx="17">
                  <c:v>0.97896513671690311</c:v>
                </c:pt>
                <c:pt idx="18">
                  <c:v>0.97335800736276945</c:v>
                </c:pt>
                <c:pt idx="19">
                  <c:v>1.0948039829349743</c:v>
                </c:pt>
                <c:pt idx="20">
                  <c:v>0.97744717236574563</c:v>
                </c:pt>
                <c:pt idx="21">
                  <c:v>0.91378466857989171</c:v>
                </c:pt>
                <c:pt idx="22">
                  <c:v>0.92629563772179713</c:v>
                </c:pt>
                <c:pt idx="23">
                  <c:v>1.0089304866825759</c:v>
                </c:pt>
                <c:pt idx="24">
                  <c:v>1.1688381539127481</c:v>
                </c:pt>
              </c:numCache>
            </c:numRef>
          </c:yVal>
          <c:smooth val="0"/>
          <c:extLst>
            <c:ext xmlns:c16="http://schemas.microsoft.com/office/drawing/2014/chart" uri="{C3380CC4-5D6E-409C-BE32-E72D297353CC}">
              <c16:uniqueId val="{00000002-5F10-4CB8-96F2-7839BAB6A391}"/>
            </c:ext>
          </c:extLst>
        </c:ser>
        <c:dLbls>
          <c:showLegendKey val="0"/>
          <c:showVal val="0"/>
          <c:showCatName val="0"/>
          <c:showSerName val="0"/>
          <c:showPercent val="0"/>
          <c:showBubbleSize val="0"/>
        </c:dLbls>
        <c:axId val="1362644384"/>
        <c:axId val="1362655904"/>
      </c:scatterChart>
      <c:valAx>
        <c:axId val="1362644384"/>
        <c:scaling>
          <c:orientation val="minMax"/>
        </c:scaling>
        <c:delete val="0"/>
        <c:axPos val="b"/>
        <c:majorGridlines>
          <c:spPr>
            <a:ln w="9525" cap="flat" cmpd="sng" algn="ctr">
              <a:solidFill>
                <a:schemeClr val="dk1">
                  <a:lumMod val="65000"/>
                  <a:lumOff val="35000"/>
                  <a:alpha val="75000"/>
                </a:schemeClr>
              </a:solidFill>
              <a:round/>
            </a:ln>
            <a:effectLst/>
          </c:spPr>
        </c:majorGridlines>
        <c:title>
          <c:tx>
            <c:rich>
              <a:bodyPr rot="0" spcFirstLastPara="1" vertOverflow="ellipsis" vert="horz" wrap="square" anchor="ctr" anchorCtr="1"/>
              <a:lstStyle/>
              <a:p>
                <a:pPr>
                  <a:defRPr sz="900" b="1" i="0" u="none" strike="noStrike" kern="1200" baseline="0">
                    <a:solidFill>
                      <a:schemeClr val="lt1">
                        <a:lumMod val="75000"/>
                      </a:schemeClr>
                    </a:solidFill>
                    <a:latin typeface="+mn-lt"/>
                    <a:ea typeface="+mn-ea"/>
                    <a:cs typeface="+mn-cs"/>
                  </a:defRPr>
                </a:pPr>
                <a:r>
                  <a:rPr lang="en-IN"/>
                  <a:t>ALPHA</a:t>
                </a:r>
              </a:p>
            </c:rich>
          </c:tx>
          <c:overlay val="0"/>
          <c:spPr>
            <a:noFill/>
            <a:ln>
              <a:noFill/>
            </a:ln>
            <a:effectLst/>
          </c:spPr>
          <c:txPr>
            <a:bodyPr rot="0" spcFirstLastPara="1" vertOverflow="ellipsis" vert="horz" wrap="square" anchor="ctr" anchorCtr="1"/>
            <a:lstStyle/>
            <a:p>
              <a:pPr>
                <a:defRPr sz="900" b="1" i="0" u="none" strike="noStrike" kern="1200" baseline="0">
                  <a:solidFill>
                    <a:schemeClr val="lt1">
                      <a:lumMod val="7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noFill/>
            <a:round/>
          </a:ln>
          <a:effectLst/>
        </c:spPr>
        <c:txPr>
          <a:bodyPr rot="-60000000" spcFirstLastPara="1" vertOverflow="ellipsis" vert="horz" wrap="square" anchor="ctr" anchorCtr="1"/>
          <a:lstStyle/>
          <a:p>
            <a:pPr>
              <a:defRPr sz="900" b="0" i="0" u="none" strike="noStrike" kern="1200" baseline="0">
                <a:solidFill>
                  <a:schemeClr val="lt1">
                    <a:lumMod val="75000"/>
                  </a:schemeClr>
                </a:solidFill>
                <a:latin typeface="+mn-lt"/>
                <a:ea typeface="+mn-ea"/>
                <a:cs typeface="+mn-cs"/>
              </a:defRPr>
            </a:pPr>
            <a:endParaRPr lang="en-US"/>
          </a:p>
        </c:txPr>
        <c:crossAx val="1362655904"/>
        <c:crosses val="autoZero"/>
        <c:crossBetween val="midCat"/>
      </c:valAx>
      <c:valAx>
        <c:axId val="1362655904"/>
        <c:scaling>
          <c:orientation val="minMax"/>
        </c:scaling>
        <c:delete val="0"/>
        <c:axPos val="l"/>
        <c:majorGridlines>
          <c:spPr>
            <a:ln w="9525" cap="flat" cmpd="sng" algn="ctr">
              <a:solidFill>
                <a:schemeClr val="dk1">
                  <a:lumMod val="65000"/>
                  <a:lumOff val="35000"/>
                  <a:alpha val="75000"/>
                </a:schemeClr>
              </a:solidFill>
              <a:round/>
            </a:ln>
            <a:effectLst/>
          </c:spPr>
        </c:majorGridlines>
        <c:title>
          <c:tx>
            <c:rich>
              <a:bodyPr rot="-5400000" spcFirstLastPara="1" vertOverflow="ellipsis" vert="horz" wrap="square" anchor="ctr" anchorCtr="1"/>
              <a:lstStyle/>
              <a:p>
                <a:pPr>
                  <a:defRPr sz="900" b="1" i="0" u="none" strike="noStrike" kern="1200" baseline="0">
                    <a:solidFill>
                      <a:schemeClr val="lt1">
                        <a:lumMod val="75000"/>
                      </a:schemeClr>
                    </a:solidFill>
                    <a:latin typeface="+mn-lt"/>
                    <a:ea typeface="+mn-ea"/>
                    <a:cs typeface="+mn-cs"/>
                  </a:defRPr>
                </a:pPr>
                <a:r>
                  <a:rPr lang="en-IN"/>
                  <a:t>BETA</a:t>
                </a:r>
              </a:p>
            </c:rich>
          </c:tx>
          <c:layout>
            <c:manualLayout>
              <c:xMode val="edge"/>
              <c:yMode val="edge"/>
              <c:x val="2.2222222222222223E-2"/>
              <c:y val="0.43393919510061241"/>
            </c:manualLayout>
          </c:layout>
          <c:overlay val="0"/>
          <c:spPr>
            <a:noFill/>
            <a:ln>
              <a:noFill/>
            </a:ln>
            <a:effectLst/>
          </c:spPr>
          <c:txPr>
            <a:bodyPr rot="-5400000" spcFirstLastPara="1" vertOverflow="ellipsis" vert="horz" wrap="square" anchor="ctr" anchorCtr="1"/>
            <a:lstStyle/>
            <a:p>
              <a:pPr>
                <a:defRPr sz="900" b="1" i="0" u="none" strike="noStrike" kern="1200" baseline="0">
                  <a:solidFill>
                    <a:schemeClr val="lt1">
                      <a:lumMod val="7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accent1"/>
            </a:solidFill>
            <a:round/>
          </a:ln>
          <a:effectLst/>
        </c:spPr>
        <c:txPr>
          <a:bodyPr rot="-60000000" spcFirstLastPara="1" vertOverflow="ellipsis" vert="horz" wrap="square" anchor="ctr" anchorCtr="1"/>
          <a:lstStyle/>
          <a:p>
            <a:pPr>
              <a:defRPr sz="900" b="0" i="0" u="none" strike="noStrike" kern="1200" baseline="0">
                <a:solidFill>
                  <a:schemeClr val="lt1">
                    <a:lumMod val="75000"/>
                  </a:schemeClr>
                </a:solidFill>
                <a:latin typeface="+mn-lt"/>
                <a:ea typeface="+mn-ea"/>
                <a:cs typeface="+mn-cs"/>
              </a:defRPr>
            </a:pPr>
            <a:endParaRPr lang="en-US"/>
          </a:p>
        </c:txPr>
        <c:crossAx val="1362644384"/>
        <c:crossesAt val="-3.0000000000000006E-2"/>
        <c:crossBetween val="midCat"/>
      </c:valAx>
      <c:spPr>
        <a:noFill/>
        <a:ln>
          <a:solidFill>
            <a:schemeClr val="accent1">
              <a:alpha val="89000"/>
            </a:schemeClr>
          </a:solid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dk1">
        <a:lumMod val="75000"/>
        <a:lumOff val="25000"/>
      </a:schemeClr>
    </a:solidFill>
    <a:ln w="9525" cap="flat" cmpd="sng" algn="ctr">
      <a:solidFill>
        <a:schemeClr val="dk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IN" sz="1400" b="1" i="0" u="none" strike="noStrike" kern="1200" spc="100" baseline="0">
                <a:solidFill>
                  <a:sysClr val="window" lastClr="FFFFFF">
                    <a:lumMod val="95000"/>
                  </a:sysClr>
                </a:solidFill>
                <a:effectLst>
                  <a:outerShdw blurRad="50800" dist="38100" dir="5400000" algn="t" rotWithShape="0">
                    <a:prstClr val="black">
                      <a:alpha val="40000"/>
                    </a:prstClr>
                  </a:outerShdw>
                </a:effectLst>
              </a:rPr>
              <a:t>ALPHA - FOMC vs NON FOMC PERIOD</a:t>
            </a:r>
          </a:p>
        </c:rich>
      </c:tx>
      <c:overlay val="0"/>
      <c:spPr>
        <a:solidFill>
          <a:schemeClr val="tx1"/>
        </a:solid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1"/>
          <c:order val="0"/>
          <c:tx>
            <c:strRef>
              <c:f>'[solution.xlsx]PART B'!$A$6547</c:f>
              <c:strCache>
                <c:ptCount val="1"/>
                <c:pt idx="0">
                  <c:v>alpha FOMC</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strRef>
              <c:f>'[solution.xlsx]PART B'!$B$6545:$Z$6545</c:f>
              <c:strCache>
                <c:ptCount val="25"/>
                <c:pt idx="0">
                  <c:v>SMALL LoBM</c:v>
                </c:pt>
                <c:pt idx="1">
                  <c:v>ME1 BM2</c:v>
                </c:pt>
                <c:pt idx="2">
                  <c:v>ME1 BM3</c:v>
                </c:pt>
                <c:pt idx="3">
                  <c:v>ME1 BM4</c:v>
                </c:pt>
                <c:pt idx="4">
                  <c:v>SMALL HiBM</c:v>
                </c:pt>
                <c:pt idx="5">
                  <c:v>ME2 BM1</c:v>
                </c:pt>
                <c:pt idx="6">
                  <c:v>ME2 BM2</c:v>
                </c:pt>
                <c:pt idx="7">
                  <c:v>ME2 BM3</c:v>
                </c:pt>
                <c:pt idx="8">
                  <c:v>ME2 BM4</c:v>
                </c:pt>
                <c:pt idx="9">
                  <c:v>ME2 BM5</c:v>
                </c:pt>
                <c:pt idx="10">
                  <c:v>ME3 BM1</c:v>
                </c:pt>
                <c:pt idx="11">
                  <c:v>ME3 BM2</c:v>
                </c:pt>
                <c:pt idx="12">
                  <c:v>ME3 BM3</c:v>
                </c:pt>
                <c:pt idx="13">
                  <c:v>ME3 BM4</c:v>
                </c:pt>
                <c:pt idx="14">
                  <c:v>ME3 BM5</c:v>
                </c:pt>
                <c:pt idx="15">
                  <c:v>ME4 BM1</c:v>
                </c:pt>
                <c:pt idx="16">
                  <c:v>ME4 BM2</c:v>
                </c:pt>
                <c:pt idx="17">
                  <c:v>ME4 BM3</c:v>
                </c:pt>
                <c:pt idx="18">
                  <c:v>ME4 BM4</c:v>
                </c:pt>
                <c:pt idx="19">
                  <c:v>ME4 BM5</c:v>
                </c:pt>
                <c:pt idx="20">
                  <c:v>BIG LoBM</c:v>
                </c:pt>
                <c:pt idx="21">
                  <c:v>ME5 BM2</c:v>
                </c:pt>
                <c:pt idx="22">
                  <c:v>ME5 BM3</c:v>
                </c:pt>
                <c:pt idx="23">
                  <c:v>ME5 BM4</c:v>
                </c:pt>
                <c:pt idx="24">
                  <c:v>BIG HiBM</c:v>
                </c:pt>
              </c:strCache>
            </c:strRef>
          </c:cat>
          <c:val>
            <c:numRef>
              <c:f>'[solution.xlsx]PART B'!$B$6547:$Z$6547</c:f>
              <c:numCache>
                <c:formatCode>General</c:formatCode>
                <c:ptCount val="25"/>
                <c:pt idx="0">
                  <c:v>4.8501938284842838E-2</c:v>
                </c:pt>
                <c:pt idx="1">
                  <c:v>3.7017002482217287E-2</c:v>
                </c:pt>
                <c:pt idx="2">
                  <c:v>1.8732214482816978E-2</c:v>
                </c:pt>
                <c:pt idx="3">
                  <c:v>-9.436044809112476E-3</c:v>
                </c:pt>
                <c:pt idx="4">
                  <c:v>0.12057825918709714</c:v>
                </c:pt>
                <c:pt idx="5">
                  <c:v>3.755810480316113E-2</c:v>
                </c:pt>
                <c:pt idx="6">
                  <c:v>2.5536185623831642E-2</c:v>
                </c:pt>
                <c:pt idx="7">
                  <c:v>5.0301962612991469E-2</c:v>
                </c:pt>
                <c:pt idx="8">
                  <c:v>3.4481519211130907E-2</c:v>
                </c:pt>
                <c:pt idx="9">
                  <c:v>-1.3505013394851662E-3</c:v>
                </c:pt>
                <c:pt idx="10">
                  <c:v>7.4419292952222049E-2</c:v>
                </c:pt>
                <c:pt idx="11">
                  <c:v>5.1302717884157967E-2</c:v>
                </c:pt>
                <c:pt idx="12">
                  <c:v>4.443079963920904E-3</c:v>
                </c:pt>
                <c:pt idx="13">
                  <c:v>-2.5846071977402851E-3</c:v>
                </c:pt>
                <c:pt idx="14">
                  <c:v>2.6125084794819675E-3</c:v>
                </c:pt>
                <c:pt idx="15">
                  <c:v>5.216452711539793E-2</c:v>
                </c:pt>
                <c:pt idx="16">
                  <c:v>3.6757545086447685E-3</c:v>
                </c:pt>
                <c:pt idx="17">
                  <c:v>-4.0251948240183633E-3</c:v>
                </c:pt>
                <c:pt idx="18">
                  <c:v>2.3699783276709407E-5</c:v>
                </c:pt>
                <c:pt idx="19">
                  <c:v>-5.14362392975653E-2</c:v>
                </c:pt>
                <c:pt idx="20">
                  <c:v>1.2425419838465956E-2</c:v>
                </c:pt>
                <c:pt idx="21">
                  <c:v>-1.1604945135763989E-2</c:v>
                </c:pt>
                <c:pt idx="22">
                  <c:v>-3.294333493322632E-2</c:v>
                </c:pt>
                <c:pt idx="23">
                  <c:v>-5.7747557308840708E-2</c:v>
                </c:pt>
                <c:pt idx="24">
                  <c:v>-5.0170370340672954E-2</c:v>
                </c:pt>
              </c:numCache>
            </c:numRef>
          </c:val>
          <c:smooth val="0"/>
          <c:extLst>
            <c:ext xmlns:c16="http://schemas.microsoft.com/office/drawing/2014/chart" uri="{C3380CC4-5D6E-409C-BE32-E72D297353CC}">
              <c16:uniqueId val="{00000000-67D7-4DB6-86E2-34BC6E0D97E6}"/>
            </c:ext>
          </c:extLst>
        </c:ser>
        <c:ser>
          <c:idx val="3"/>
          <c:order val="1"/>
          <c:tx>
            <c:strRef>
              <c:f>'[solution.xlsx]PART B'!$A$6553</c:f>
              <c:strCache>
                <c:ptCount val="1"/>
                <c:pt idx="0">
                  <c:v>alpha NON FOMC</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strRef>
              <c:f>'[solution.xlsx]PART B'!$B$6545:$Z$6545</c:f>
              <c:strCache>
                <c:ptCount val="25"/>
                <c:pt idx="0">
                  <c:v>SMALL LoBM</c:v>
                </c:pt>
                <c:pt idx="1">
                  <c:v>ME1 BM2</c:v>
                </c:pt>
                <c:pt idx="2">
                  <c:v>ME1 BM3</c:v>
                </c:pt>
                <c:pt idx="3">
                  <c:v>ME1 BM4</c:v>
                </c:pt>
                <c:pt idx="4">
                  <c:v>SMALL HiBM</c:v>
                </c:pt>
                <c:pt idx="5">
                  <c:v>ME2 BM1</c:v>
                </c:pt>
                <c:pt idx="6">
                  <c:v>ME2 BM2</c:v>
                </c:pt>
                <c:pt idx="7">
                  <c:v>ME2 BM3</c:v>
                </c:pt>
                <c:pt idx="8">
                  <c:v>ME2 BM4</c:v>
                </c:pt>
                <c:pt idx="9">
                  <c:v>ME2 BM5</c:v>
                </c:pt>
                <c:pt idx="10">
                  <c:v>ME3 BM1</c:v>
                </c:pt>
                <c:pt idx="11">
                  <c:v>ME3 BM2</c:v>
                </c:pt>
                <c:pt idx="12">
                  <c:v>ME3 BM3</c:v>
                </c:pt>
                <c:pt idx="13">
                  <c:v>ME3 BM4</c:v>
                </c:pt>
                <c:pt idx="14">
                  <c:v>ME3 BM5</c:v>
                </c:pt>
                <c:pt idx="15">
                  <c:v>ME4 BM1</c:v>
                </c:pt>
                <c:pt idx="16">
                  <c:v>ME4 BM2</c:v>
                </c:pt>
                <c:pt idx="17">
                  <c:v>ME4 BM3</c:v>
                </c:pt>
                <c:pt idx="18">
                  <c:v>ME4 BM4</c:v>
                </c:pt>
                <c:pt idx="19">
                  <c:v>ME4 BM5</c:v>
                </c:pt>
                <c:pt idx="20">
                  <c:v>BIG LoBM</c:v>
                </c:pt>
                <c:pt idx="21">
                  <c:v>ME5 BM2</c:v>
                </c:pt>
                <c:pt idx="22">
                  <c:v>ME5 BM3</c:v>
                </c:pt>
                <c:pt idx="23">
                  <c:v>ME5 BM4</c:v>
                </c:pt>
                <c:pt idx="24">
                  <c:v>BIG HiBM</c:v>
                </c:pt>
              </c:strCache>
            </c:strRef>
          </c:cat>
          <c:val>
            <c:numRef>
              <c:f>'[solution.xlsx]PART B'!$B$6553:$Z$6553</c:f>
              <c:numCache>
                <c:formatCode>General</c:formatCode>
                <c:ptCount val="25"/>
                <c:pt idx="0">
                  <c:v>-2.6111299728122522E-2</c:v>
                </c:pt>
                <c:pt idx="1">
                  <c:v>3.8588929861029519E-3</c:v>
                </c:pt>
                <c:pt idx="2">
                  <c:v>3.4304807393444291E-3</c:v>
                </c:pt>
                <c:pt idx="3">
                  <c:v>1.6155178776642899E-2</c:v>
                </c:pt>
                <c:pt idx="4">
                  <c:v>1.7936948957474684E-2</c:v>
                </c:pt>
                <c:pt idx="5">
                  <c:v>-7.2304764657726769E-3</c:v>
                </c:pt>
                <c:pt idx="6">
                  <c:v>9.7886586897463976E-3</c:v>
                </c:pt>
                <c:pt idx="7">
                  <c:v>5.9243699943116873E-3</c:v>
                </c:pt>
                <c:pt idx="8">
                  <c:v>4.4193647793487785E-3</c:v>
                </c:pt>
                <c:pt idx="9">
                  <c:v>6.5338519475682567E-3</c:v>
                </c:pt>
                <c:pt idx="10">
                  <c:v>-7.5302955290926475E-3</c:v>
                </c:pt>
                <c:pt idx="11">
                  <c:v>9.4966896800362487E-3</c:v>
                </c:pt>
                <c:pt idx="12">
                  <c:v>4.6975941273932724E-3</c:v>
                </c:pt>
                <c:pt idx="13">
                  <c:v>7.0321929183198469E-3</c:v>
                </c:pt>
                <c:pt idx="14">
                  <c:v>1.1299882377190582E-2</c:v>
                </c:pt>
                <c:pt idx="15">
                  <c:v>5.4395109757081721E-3</c:v>
                </c:pt>
                <c:pt idx="16">
                  <c:v>9.8047770572581086E-3</c:v>
                </c:pt>
                <c:pt idx="17">
                  <c:v>6.0154389125499953E-3</c:v>
                </c:pt>
                <c:pt idx="18">
                  <c:v>7.8316711438793304E-3</c:v>
                </c:pt>
                <c:pt idx="19">
                  <c:v>3.7336393200165449E-3</c:v>
                </c:pt>
                <c:pt idx="20">
                  <c:v>6.4672724610734776E-3</c:v>
                </c:pt>
                <c:pt idx="21">
                  <c:v>4.5560686306046587E-3</c:v>
                </c:pt>
                <c:pt idx="22">
                  <c:v>5.0129924282617637E-3</c:v>
                </c:pt>
                <c:pt idx="23">
                  <c:v>-1.0228951509727939E-2</c:v>
                </c:pt>
                <c:pt idx="24">
                  <c:v>-2.1391632698953902E-3</c:v>
                </c:pt>
              </c:numCache>
            </c:numRef>
          </c:val>
          <c:smooth val="0"/>
          <c:extLst>
            <c:ext xmlns:c16="http://schemas.microsoft.com/office/drawing/2014/chart" uri="{C3380CC4-5D6E-409C-BE32-E72D297353CC}">
              <c16:uniqueId val="{00000001-67D7-4DB6-86E2-34BC6E0D97E6}"/>
            </c:ext>
          </c:extLst>
        </c:ser>
        <c:dLbls>
          <c:showLegendKey val="0"/>
          <c:showVal val="0"/>
          <c:showCatName val="0"/>
          <c:showSerName val="0"/>
          <c:showPercent val="0"/>
          <c:showBubbleSize val="0"/>
        </c:dLbls>
        <c:marker val="1"/>
        <c:smooth val="0"/>
        <c:axId val="2130424639"/>
        <c:axId val="2130425599"/>
        <c:extLst/>
      </c:lineChart>
      <c:catAx>
        <c:axId val="2130424639"/>
        <c:scaling>
          <c:orientation val="minMax"/>
        </c:scaling>
        <c:delete val="0"/>
        <c:axPos val="b"/>
        <c:numFmt formatCode="General" sourceLinked="1"/>
        <c:majorTickMark val="none"/>
        <c:minorTickMark val="none"/>
        <c:tickLblPos val="high"/>
        <c:spPr>
          <a:noFill/>
          <a:ln w="22225" cap="flat" cmpd="sng" algn="ctr">
            <a:solidFill>
              <a:srgbClr val="FF0000"/>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130425599"/>
        <c:crosses val="autoZero"/>
        <c:auto val="1"/>
        <c:lblAlgn val="ctr"/>
        <c:lblOffset val="100"/>
        <c:noMultiLvlLbl val="0"/>
      </c:catAx>
      <c:valAx>
        <c:axId val="2130425599"/>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IN"/>
                  <a:t>ALPHA</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130424639"/>
        <c:crosses val="autoZero"/>
        <c:crossBetween val="midCat"/>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600" b="1" i="0" u="none" strike="noStrike" kern="1200" spc="100" baseline="0">
                <a:solidFill>
                  <a:schemeClr val="lt1">
                    <a:lumMod val="95000"/>
                  </a:schemeClr>
                </a:solidFill>
                <a:effectLst>
                  <a:outerShdw blurRad="50800" dist="38100" dir="5400000" algn="t" rotWithShape="0">
                    <a:prstClr val="black">
                      <a:alpha val="40000"/>
                    </a:prstClr>
                  </a:outerShdw>
                </a:effectLst>
                <a:latin typeface="+mn-lt"/>
                <a:ea typeface="+mn-ea"/>
                <a:cs typeface="+mn-cs"/>
              </a:defRPr>
            </a:pPr>
            <a:r>
              <a:rPr lang="en-IN"/>
              <a:t>Beta</a:t>
            </a:r>
            <a:r>
              <a:rPr lang="en-IN" baseline="0"/>
              <a:t> </a:t>
            </a:r>
            <a:r>
              <a:rPr lang="en-IN"/>
              <a:t>FOMC vs NON FOMC</a:t>
            </a:r>
          </a:p>
        </c:rich>
      </c:tx>
      <c:layout>
        <c:manualLayout>
          <c:xMode val="edge"/>
          <c:yMode val="edge"/>
          <c:x val="0.1023937512618615"/>
          <c:y val="2.4880779597760729E-2"/>
        </c:manualLayout>
      </c:layout>
      <c:overlay val="0"/>
      <c:spPr>
        <a:noFill/>
        <a:ln>
          <a:noFill/>
        </a:ln>
        <a:effectLst/>
      </c:spPr>
      <c:txPr>
        <a:bodyPr rot="0" spcFirstLastPara="1" vertOverflow="ellipsis" vert="horz" wrap="square" anchor="ctr" anchorCtr="1"/>
        <a:lstStyle/>
        <a:p>
          <a:pPr>
            <a:defRPr sz="1600" b="1" i="0" u="none" strike="noStrike" kern="1200" spc="100" baseline="0">
              <a:solidFill>
                <a:schemeClr val="lt1">
                  <a:lumMod val="95000"/>
                </a:schemeClr>
              </a:solidFill>
              <a:effectLst>
                <a:outerShdw blurRad="50800" dist="38100" dir="5400000" algn="t" rotWithShape="0">
                  <a:prstClr val="black">
                    <a:alpha val="40000"/>
                  </a:prstClr>
                </a:outerShdw>
              </a:effectLst>
              <a:latin typeface="+mn-lt"/>
              <a:ea typeface="+mn-ea"/>
              <a:cs typeface="+mn-cs"/>
            </a:defRPr>
          </a:pPr>
          <a:endParaRPr lang="en-US"/>
        </a:p>
      </c:txPr>
    </c:title>
    <c:autoTitleDeleted val="0"/>
    <c:plotArea>
      <c:layout>
        <c:manualLayout>
          <c:layoutTarget val="inner"/>
          <c:xMode val="edge"/>
          <c:yMode val="edge"/>
          <c:x val="0.15612823036543508"/>
          <c:y val="0.35004546782885809"/>
          <c:w val="0.77932818915164814"/>
          <c:h val="0.61301640894444764"/>
        </c:manualLayout>
      </c:layout>
      <c:barChart>
        <c:barDir val="col"/>
        <c:grouping val="clustered"/>
        <c:varyColors val="0"/>
        <c:ser>
          <c:idx val="0"/>
          <c:order val="0"/>
          <c:tx>
            <c:strRef>
              <c:f>'[solution.xlsx]PART B'!$A$6546</c:f>
              <c:strCache>
                <c:ptCount val="1"/>
                <c:pt idx="0">
                  <c:v>Beta FOMC</c:v>
                </c:pt>
              </c:strCache>
            </c:strRef>
          </c:tx>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cat>
            <c:strRef>
              <c:f>'[solution.xlsx]PART B'!$B$6545:$Z$6545</c:f>
              <c:strCache>
                <c:ptCount val="25"/>
                <c:pt idx="0">
                  <c:v>SMALL LoBM</c:v>
                </c:pt>
                <c:pt idx="1">
                  <c:v>ME1 BM2</c:v>
                </c:pt>
                <c:pt idx="2">
                  <c:v>ME1 BM3</c:v>
                </c:pt>
                <c:pt idx="3">
                  <c:v>ME1 BM4</c:v>
                </c:pt>
                <c:pt idx="4">
                  <c:v>SMALL HiBM</c:v>
                </c:pt>
                <c:pt idx="5">
                  <c:v>ME2 BM1</c:v>
                </c:pt>
                <c:pt idx="6">
                  <c:v>ME2 BM2</c:v>
                </c:pt>
                <c:pt idx="7">
                  <c:v>ME2 BM3</c:v>
                </c:pt>
                <c:pt idx="8">
                  <c:v>ME2 BM4</c:v>
                </c:pt>
                <c:pt idx="9">
                  <c:v>ME2 BM5</c:v>
                </c:pt>
                <c:pt idx="10">
                  <c:v>ME3 BM1</c:v>
                </c:pt>
                <c:pt idx="11">
                  <c:v>ME3 BM2</c:v>
                </c:pt>
                <c:pt idx="12">
                  <c:v>ME3 BM3</c:v>
                </c:pt>
                <c:pt idx="13">
                  <c:v>ME3 BM4</c:v>
                </c:pt>
                <c:pt idx="14">
                  <c:v>ME3 BM5</c:v>
                </c:pt>
                <c:pt idx="15">
                  <c:v>ME4 BM1</c:v>
                </c:pt>
                <c:pt idx="16">
                  <c:v>ME4 BM2</c:v>
                </c:pt>
                <c:pt idx="17">
                  <c:v>ME4 BM3</c:v>
                </c:pt>
                <c:pt idx="18">
                  <c:v>ME4 BM4</c:v>
                </c:pt>
                <c:pt idx="19">
                  <c:v>ME4 BM5</c:v>
                </c:pt>
                <c:pt idx="20">
                  <c:v>BIG LoBM</c:v>
                </c:pt>
                <c:pt idx="21">
                  <c:v>ME5 BM2</c:v>
                </c:pt>
                <c:pt idx="22">
                  <c:v>ME5 BM3</c:v>
                </c:pt>
                <c:pt idx="23">
                  <c:v>ME5 BM4</c:v>
                </c:pt>
                <c:pt idx="24">
                  <c:v>BIG HiBM</c:v>
                </c:pt>
              </c:strCache>
            </c:strRef>
          </c:cat>
          <c:val>
            <c:numRef>
              <c:f>'[solution.xlsx]PART B'!$B$6546:$Z$6546</c:f>
              <c:numCache>
                <c:formatCode>General</c:formatCode>
                <c:ptCount val="25"/>
                <c:pt idx="0">
                  <c:v>1.0808978712888371</c:v>
                </c:pt>
                <c:pt idx="1">
                  <c:v>0.99256669895381811</c:v>
                </c:pt>
                <c:pt idx="2">
                  <c:v>0.95798769429508979</c:v>
                </c:pt>
                <c:pt idx="3">
                  <c:v>0.92983540352509975</c:v>
                </c:pt>
                <c:pt idx="4">
                  <c:v>0.74639027115151602</c:v>
                </c:pt>
                <c:pt idx="5">
                  <c:v>1.2036976953753176</c:v>
                </c:pt>
                <c:pt idx="6">
                  <c:v>1.0588941075975216</c:v>
                </c:pt>
                <c:pt idx="7">
                  <c:v>1.0454396734324141</c:v>
                </c:pt>
                <c:pt idx="8">
                  <c:v>1.0558051842881466</c:v>
                </c:pt>
                <c:pt idx="9">
                  <c:v>1.098866151899756</c:v>
                </c:pt>
                <c:pt idx="10">
                  <c:v>1.1403730164533499</c:v>
                </c:pt>
                <c:pt idx="11">
                  <c:v>1.0099972538976452</c:v>
                </c:pt>
                <c:pt idx="12">
                  <c:v>0.99091594931540616</c:v>
                </c:pt>
                <c:pt idx="13">
                  <c:v>1.0121425149730339</c:v>
                </c:pt>
                <c:pt idx="14">
                  <c:v>1.1298899786118977</c:v>
                </c:pt>
                <c:pt idx="15">
                  <c:v>1.1265012276580706</c:v>
                </c:pt>
                <c:pt idx="16">
                  <c:v>0.9884092611906572</c:v>
                </c:pt>
                <c:pt idx="17">
                  <c:v>0.90310540810916218</c:v>
                </c:pt>
                <c:pt idx="18">
                  <c:v>0.92145340559992217</c:v>
                </c:pt>
                <c:pt idx="19">
                  <c:v>1.0918862293571063</c:v>
                </c:pt>
                <c:pt idx="20">
                  <c:v>0.97884729595658149</c:v>
                </c:pt>
                <c:pt idx="21">
                  <c:v>0.86564043330894369</c:v>
                </c:pt>
                <c:pt idx="22">
                  <c:v>0.93740359352450064</c:v>
                </c:pt>
                <c:pt idx="23">
                  <c:v>0.96867216909724763</c:v>
                </c:pt>
                <c:pt idx="24">
                  <c:v>1.1342071250817061</c:v>
                </c:pt>
              </c:numCache>
            </c:numRef>
          </c:val>
          <c:extLst>
            <c:ext xmlns:c16="http://schemas.microsoft.com/office/drawing/2014/chart" uri="{C3380CC4-5D6E-409C-BE32-E72D297353CC}">
              <c16:uniqueId val="{00000000-BA5C-43E9-8102-5F4FF433DE79}"/>
            </c:ext>
          </c:extLst>
        </c:ser>
        <c:ser>
          <c:idx val="2"/>
          <c:order val="1"/>
          <c:tx>
            <c:strRef>
              <c:f>'[solution.xlsx]PART B'!$A$6552</c:f>
              <c:strCache>
                <c:ptCount val="1"/>
                <c:pt idx="0">
                  <c:v>Beta NON FOMC</c:v>
                </c:pt>
              </c:strCache>
            </c:strRef>
          </c:tx>
          <c:spPr>
            <a:gradFill rotWithShape="1">
              <a:gsLst>
                <a:gs pos="0">
                  <a:schemeClr val="accent3">
                    <a:satMod val="103000"/>
                    <a:lumMod val="102000"/>
                    <a:tint val="94000"/>
                  </a:schemeClr>
                </a:gs>
                <a:gs pos="50000">
                  <a:schemeClr val="accent3">
                    <a:satMod val="110000"/>
                    <a:lumMod val="100000"/>
                    <a:shade val="100000"/>
                  </a:schemeClr>
                </a:gs>
                <a:gs pos="100000">
                  <a:schemeClr val="accent3">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cat>
            <c:strRef>
              <c:f>'[solution.xlsx]PART B'!$B$6545:$Z$6545</c:f>
              <c:strCache>
                <c:ptCount val="25"/>
                <c:pt idx="0">
                  <c:v>SMALL LoBM</c:v>
                </c:pt>
                <c:pt idx="1">
                  <c:v>ME1 BM2</c:v>
                </c:pt>
                <c:pt idx="2">
                  <c:v>ME1 BM3</c:v>
                </c:pt>
                <c:pt idx="3">
                  <c:v>ME1 BM4</c:v>
                </c:pt>
                <c:pt idx="4">
                  <c:v>SMALL HiBM</c:v>
                </c:pt>
                <c:pt idx="5">
                  <c:v>ME2 BM1</c:v>
                </c:pt>
                <c:pt idx="6">
                  <c:v>ME2 BM2</c:v>
                </c:pt>
                <c:pt idx="7">
                  <c:v>ME2 BM3</c:v>
                </c:pt>
                <c:pt idx="8">
                  <c:v>ME2 BM4</c:v>
                </c:pt>
                <c:pt idx="9">
                  <c:v>ME2 BM5</c:v>
                </c:pt>
                <c:pt idx="10">
                  <c:v>ME3 BM1</c:v>
                </c:pt>
                <c:pt idx="11">
                  <c:v>ME3 BM2</c:v>
                </c:pt>
                <c:pt idx="12">
                  <c:v>ME3 BM3</c:v>
                </c:pt>
                <c:pt idx="13">
                  <c:v>ME3 BM4</c:v>
                </c:pt>
                <c:pt idx="14">
                  <c:v>ME3 BM5</c:v>
                </c:pt>
                <c:pt idx="15">
                  <c:v>ME4 BM1</c:v>
                </c:pt>
                <c:pt idx="16">
                  <c:v>ME4 BM2</c:v>
                </c:pt>
                <c:pt idx="17">
                  <c:v>ME4 BM3</c:v>
                </c:pt>
                <c:pt idx="18">
                  <c:v>ME4 BM4</c:v>
                </c:pt>
                <c:pt idx="19">
                  <c:v>ME4 BM5</c:v>
                </c:pt>
                <c:pt idx="20">
                  <c:v>BIG LoBM</c:v>
                </c:pt>
                <c:pt idx="21">
                  <c:v>ME5 BM2</c:v>
                </c:pt>
                <c:pt idx="22">
                  <c:v>ME5 BM3</c:v>
                </c:pt>
                <c:pt idx="23">
                  <c:v>ME5 BM4</c:v>
                </c:pt>
                <c:pt idx="24">
                  <c:v>BIG HiBM</c:v>
                </c:pt>
              </c:strCache>
            </c:strRef>
          </c:cat>
          <c:val>
            <c:numRef>
              <c:f>'[solution.xlsx]PART B'!$B$6552:$Z$6552</c:f>
              <c:numCache>
                <c:formatCode>General</c:formatCode>
                <c:ptCount val="25"/>
                <c:pt idx="0">
                  <c:v>1.0941719879335128</c:v>
                </c:pt>
                <c:pt idx="1">
                  <c:v>1.0363436865513878</c:v>
                </c:pt>
                <c:pt idx="2">
                  <c:v>0.94761979503943539</c:v>
                </c:pt>
                <c:pt idx="3">
                  <c:v>0.9329843684686564</c:v>
                </c:pt>
                <c:pt idx="4">
                  <c:v>0.86972089707895006</c:v>
                </c:pt>
                <c:pt idx="5">
                  <c:v>1.1732137504164857</c:v>
                </c:pt>
                <c:pt idx="6">
                  <c:v>1.0880780618855443</c:v>
                </c:pt>
                <c:pt idx="7">
                  <c:v>1.037711048912018</c:v>
                </c:pt>
                <c:pt idx="8">
                  <c:v>1.0317608556975537</c:v>
                </c:pt>
                <c:pt idx="9">
                  <c:v>1.1181272875193877</c:v>
                </c:pt>
                <c:pt idx="10">
                  <c:v>1.1740065058806297</c:v>
                </c:pt>
                <c:pt idx="11">
                  <c:v>1.0401372222219916</c:v>
                </c:pt>
                <c:pt idx="12">
                  <c:v>1.005797613746239</c:v>
                </c:pt>
                <c:pt idx="13">
                  <c:v>1.0139925127485299</c:v>
                </c:pt>
                <c:pt idx="14">
                  <c:v>1.0974896238020435</c:v>
                </c:pt>
                <c:pt idx="15">
                  <c:v>1.1046649092163956</c:v>
                </c:pt>
                <c:pt idx="16">
                  <c:v>0.97439283914273511</c:v>
                </c:pt>
                <c:pt idx="17">
                  <c:v>0.98229050362838854</c:v>
                </c:pt>
                <c:pt idx="18">
                  <c:v>0.97563896612672152</c:v>
                </c:pt>
                <c:pt idx="19">
                  <c:v>1.095263770231514</c:v>
                </c:pt>
                <c:pt idx="20">
                  <c:v>0.97735082450205124</c:v>
                </c:pt>
                <c:pt idx="21">
                  <c:v>0.91595440774191128</c:v>
                </c:pt>
                <c:pt idx="22">
                  <c:v>0.92604756257294973</c:v>
                </c:pt>
                <c:pt idx="23">
                  <c:v>1.0109508317091358</c:v>
                </c:pt>
                <c:pt idx="24">
                  <c:v>1.1706194401723584</c:v>
                </c:pt>
              </c:numCache>
            </c:numRef>
          </c:val>
          <c:extLst>
            <c:ext xmlns:c16="http://schemas.microsoft.com/office/drawing/2014/chart" uri="{C3380CC4-5D6E-409C-BE32-E72D297353CC}">
              <c16:uniqueId val="{00000001-BA5C-43E9-8102-5F4FF433DE79}"/>
            </c:ext>
          </c:extLst>
        </c:ser>
        <c:dLbls>
          <c:showLegendKey val="0"/>
          <c:showVal val="0"/>
          <c:showCatName val="0"/>
          <c:showSerName val="0"/>
          <c:showPercent val="0"/>
          <c:showBubbleSize val="0"/>
        </c:dLbls>
        <c:gapWidth val="100"/>
        <c:axId val="60104863"/>
        <c:axId val="60108703"/>
        <c:extLst/>
      </c:barChart>
      <c:catAx>
        <c:axId val="60104863"/>
        <c:scaling>
          <c:orientation val="minMax"/>
        </c:scaling>
        <c:delete val="0"/>
        <c:axPos val="b"/>
        <c:numFmt formatCode="General" sourceLinked="1"/>
        <c:majorTickMark val="none"/>
        <c:minorTickMark val="none"/>
        <c:tickLblPos val="high"/>
        <c:spPr>
          <a:noFill/>
          <a:ln w="12700" cap="flat" cmpd="sng" algn="ctr">
            <a:solidFill>
              <a:schemeClr val="lt1">
                <a:lumMod val="95000"/>
                <a:alpha val="54000"/>
              </a:schemeClr>
            </a:solidFill>
            <a:round/>
          </a:ln>
          <a:effectLst/>
        </c:spPr>
        <c:txPr>
          <a:bodyPr rot="-60000000" spcFirstLastPara="1" vertOverflow="ellipsis" vert="horz" wrap="square" anchor="ctr" anchorCtr="1"/>
          <a:lstStyle/>
          <a:p>
            <a:pPr>
              <a:defRPr sz="900" b="0" i="0" u="none" strike="noStrike" kern="1200" baseline="0">
                <a:solidFill>
                  <a:schemeClr val="lt1">
                    <a:lumMod val="85000"/>
                  </a:schemeClr>
                </a:solidFill>
                <a:latin typeface="+mn-lt"/>
                <a:ea typeface="+mn-ea"/>
                <a:cs typeface="+mn-cs"/>
              </a:defRPr>
            </a:pPr>
            <a:endParaRPr lang="en-US"/>
          </a:p>
        </c:txPr>
        <c:crossAx val="60108703"/>
        <c:crosses val="autoZero"/>
        <c:auto val="1"/>
        <c:lblAlgn val="ctr"/>
        <c:lblOffset val="100"/>
        <c:noMultiLvlLbl val="0"/>
      </c:catAx>
      <c:valAx>
        <c:axId val="60108703"/>
        <c:scaling>
          <c:orientation val="minMax"/>
          <c:max val="1.3"/>
          <c:min val="0.70000000000000007"/>
        </c:scaling>
        <c:delete val="0"/>
        <c:axPos val="l"/>
        <c:majorGridlines>
          <c:spPr>
            <a:ln w="9525" cap="flat" cmpd="sng" algn="ctr">
              <a:solidFill>
                <a:schemeClr val="lt1">
                  <a:lumMod val="95000"/>
                  <a:alpha val="10000"/>
                </a:schemeClr>
              </a:solidFill>
              <a:round/>
            </a:ln>
            <a:effectLst/>
          </c:spPr>
        </c:majorGridlines>
        <c:title>
          <c:tx>
            <c:rich>
              <a:bodyPr rot="-5400000" spcFirstLastPara="1" vertOverflow="ellipsis" vert="horz" wrap="square" anchor="ctr" anchorCtr="1"/>
              <a:lstStyle/>
              <a:p>
                <a:pPr>
                  <a:defRPr sz="900" b="1" i="0" u="none" strike="noStrike" kern="1200" cap="all" baseline="0">
                    <a:solidFill>
                      <a:schemeClr val="lt1">
                        <a:lumMod val="85000"/>
                      </a:schemeClr>
                    </a:solidFill>
                    <a:latin typeface="+mn-lt"/>
                    <a:ea typeface="+mn-ea"/>
                    <a:cs typeface="+mn-cs"/>
                  </a:defRPr>
                </a:pPr>
                <a:r>
                  <a:rPr lang="en-IN"/>
                  <a:t>BETA</a:t>
                </a:r>
              </a:p>
            </c:rich>
          </c:tx>
          <c:overlay val="0"/>
          <c:spPr>
            <a:noFill/>
            <a:ln>
              <a:noFill/>
            </a:ln>
            <a:effectLst/>
          </c:spPr>
          <c:txPr>
            <a:bodyPr rot="-5400000" spcFirstLastPara="1" vertOverflow="ellipsis" vert="horz" wrap="square" anchor="ctr" anchorCtr="1"/>
            <a:lstStyle/>
            <a:p>
              <a:pPr>
                <a:defRPr sz="900" b="1" i="0" u="none" strike="noStrike" kern="1200" cap="all" baseline="0">
                  <a:solidFill>
                    <a:schemeClr val="lt1">
                      <a:lumMod val="85000"/>
                    </a:schemeClr>
                  </a:solidFill>
                  <a:latin typeface="+mn-lt"/>
                  <a:ea typeface="+mn-ea"/>
                  <a:cs typeface="+mn-cs"/>
                </a:defRPr>
              </a:pPr>
              <a:endParaRPr lang="en-US"/>
            </a:p>
          </c:txPr>
        </c:title>
        <c:numFmt formatCode="General" sourceLinked="1"/>
        <c:majorTickMark val="none"/>
        <c:minorTickMark val="none"/>
        <c:tickLblPos val="nextTo"/>
        <c:spPr>
          <a:noFill/>
          <a:ln>
            <a:solidFill>
              <a:schemeClr val="accent1"/>
            </a:solidFill>
          </a:ln>
          <a:effectLst/>
        </c:spPr>
        <c:txPr>
          <a:bodyPr rot="-60000000" spcFirstLastPara="1" vertOverflow="ellipsis" vert="horz" wrap="square" anchor="ctr" anchorCtr="1"/>
          <a:lstStyle/>
          <a:p>
            <a:pPr>
              <a:defRPr sz="900" b="0" i="0" u="none" strike="noStrike" kern="1200" baseline="0">
                <a:solidFill>
                  <a:schemeClr val="lt1">
                    <a:lumMod val="85000"/>
                  </a:schemeClr>
                </a:solidFill>
                <a:latin typeface="+mn-lt"/>
                <a:ea typeface="+mn-ea"/>
                <a:cs typeface="+mn-cs"/>
              </a:defRPr>
            </a:pPr>
            <a:endParaRPr lang="en-US"/>
          </a:p>
        </c:txPr>
        <c:crossAx val="60104863"/>
        <c:crosses val="autoZero"/>
        <c:crossBetween val="between"/>
      </c:valAx>
      <c:spPr>
        <a:noFill/>
        <a:ln>
          <a:noFill/>
        </a:ln>
        <a:effectLst/>
      </c:spPr>
    </c:plotArea>
    <c:legend>
      <c:legendPos val="t"/>
      <c:layout>
        <c:manualLayout>
          <c:xMode val="edge"/>
          <c:yMode val="edge"/>
          <c:x val="0.21788720220068644"/>
          <c:y val="0.10257280974856373"/>
          <c:w val="0.5867233242479305"/>
          <c:h val="6.9977682397828006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lt1">
                  <a:lumMod val="85000"/>
                </a:schemeClr>
              </a:solidFill>
              <a:latin typeface="+mn-lt"/>
              <a:ea typeface="+mn-ea"/>
              <a:cs typeface="+mn-cs"/>
            </a:defRPr>
          </a:pPr>
          <a:endParaRPr lang="en-US"/>
        </a:p>
      </c:txPr>
    </c:legend>
    <c:plotVisOnly val="1"/>
    <c:dispBlanksAs val="gap"/>
    <c:showDLblsOverMax val="0"/>
  </c:chart>
  <c: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a:ln>
      <a:noFill/>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AU"/>
              <a:t>Alpha FOMC vs NON FOMC </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solution.xlsx]PART D'!$A$6788</c:f>
              <c:strCache>
                <c:ptCount val="1"/>
                <c:pt idx="0">
                  <c:v>alpha FOMC</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solution.xlsx]PART D'!$B$6786:$Z$6786</c:f>
              <c:strCache>
                <c:ptCount val="25"/>
                <c:pt idx="0">
                  <c:v>SMALL LoBM</c:v>
                </c:pt>
                <c:pt idx="1">
                  <c:v>ME1 BM2</c:v>
                </c:pt>
                <c:pt idx="2">
                  <c:v>ME1 BM3</c:v>
                </c:pt>
                <c:pt idx="3">
                  <c:v>ME1 BM4</c:v>
                </c:pt>
                <c:pt idx="4">
                  <c:v>SMALL HiBM</c:v>
                </c:pt>
                <c:pt idx="5">
                  <c:v>ME2 BM1</c:v>
                </c:pt>
                <c:pt idx="6">
                  <c:v>ME2 BM2</c:v>
                </c:pt>
                <c:pt idx="7">
                  <c:v>ME2 BM3</c:v>
                </c:pt>
                <c:pt idx="8">
                  <c:v>ME2 BM4</c:v>
                </c:pt>
                <c:pt idx="9">
                  <c:v>ME2 BM5</c:v>
                </c:pt>
                <c:pt idx="10">
                  <c:v>ME3 BM1</c:v>
                </c:pt>
                <c:pt idx="11">
                  <c:v>ME3 BM2</c:v>
                </c:pt>
                <c:pt idx="12">
                  <c:v>ME3 BM3</c:v>
                </c:pt>
                <c:pt idx="13">
                  <c:v>ME3 BM4</c:v>
                </c:pt>
                <c:pt idx="14">
                  <c:v>ME3 BM5</c:v>
                </c:pt>
                <c:pt idx="15">
                  <c:v>ME4 BM1</c:v>
                </c:pt>
                <c:pt idx="16">
                  <c:v>ME4 BM2</c:v>
                </c:pt>
                <c:pt idx="17">
                  <c:v>ME4 BM3</c:v>
                </c:pt>
                <c:pt idx="18">
                  <c:v>ME4 BM4</c:v>
                </c:pt>
                <c:pt idx="19">
                  <c:v>ME4 BM5</c:v>
                </c:pt>
                <c:pt idx="20">
                  <c:v>BIG LoBM</c:v>
                </c:pt>
                <c:pt idx="21">
                  <c:v>ME5 BM2</c:v>
                </c:pt>
                <c:pt idx="22">
                  <c:v>ME5 BM3</c:v>
                </c:pt>
                <c:pt idx="23">
                  <c:v>ME5 BM4</c:v>
                </c:pt>
                <c:pt idx="24">
                  <c:v>BIG HiBM</c:v>
                </c:pt>
              </c:strCache>
            </c:strRef>
          </c:cat>
          <c:val>
            <c:numRef>
              <c:f>'[solution.xlsx]PART D'!$B$6788:$Z$6788</c:f>
              <c:numCache>
                <c:formatCode>General</c:formatCode>
                <c:ptCount val="25"/>
                <c:pt idx="0">
                  <c:v>-1.3947564876854057E-2</c:v>
                </c:pt>
                <c:pt idx="1">
                  <c:v>4.1853277686917559E-2</c:v>
                </c:pt>
                <c:pt idx="2">
                  <c:v>5.1921280392872873E-2</c:v>
                </c:pt>
                <c:pt idx="3">
                  <c:v>4.7658883629489876E-2</c:v>
                </c:pt>
                <c:pt idx="4">
                  <c:v>4.8867453884535408E-2</c:v>
                </c:pt>
                <c:pt idx="5">
                  <c:v>8.4180791307039371E-2</c:v>
                </c:pt>
                <c:pt idx="6">
                  <c:v>0.10919919643437934</c:v>
                </c:pt>
                <c:pt idx="7">
                  <c:v>6.2725032051271168E-2</c:v>
                </c:pt>
                <c:pt idx="8">
                  <c:v>8.7599784106050516E-2</c:v>
                </c:pt>
                <c:pt idx="9">
                  <c:v>5.6499062737462746E-2</c:v>
                </c:pt>
                <c:pt idx="10">
                  <c:v>0.12021050915846349</c:v>
                </c:pt>
                <c:pt idx="11">
                  <c:v>0.11888744428554876</c:v>
                </c:pt>
                <c:pt idx="12">
                  <c:v>9.7097406483899168E-2</c:v>
                </c:pt>
                <c:pt idx="13">
                  <c:v>0.10571757255844358</c:v>
                </c:pt>
                <c:pt idx="14">
                  <c:v>8.1511142653078156E-2</c:v>
                </c:pt>
                <c:pt idx="15">
                  <c:v>0.14645161080130015</c:v>
                </c:pt>
                <c:pt idx="16">
                  <c:v>9.0662486705165246E-2</c:v>
                </c:pt>
                <c:pt idx="17">
                  <c:v>0.10619788045956577</c:v>
                </c:pt>
                <c:pt idx="18">
                  <c:v>0.1097255341763009</c:v>
                </c:pt>
                <c:pt idx="19">
                  <c:v>6.8302097783326632E-2</c:v>
                </c:pt>
                <c:pt idx="20">
                  <c:v>0.11625296133633545</c:v>
                </c:pt>
                <c:pt idx="21">
                  <c:v>7.7344056765978553E-2</c:v>
                </c:pt>
                <c:pt idx="22">
                  <c:v>0.12240211985018723</c:v>
                </c:pt>
                <c:pt idx="23">
                  <c:v>8.4928174777610832E-2</c:v>
                </c:pt>
                <c:pt idx="24">
                  <c:v>8.8099750493690704E-2</c:v>
                </c:pt>
              </c:numCache>
            </c:numRef>
          </c:val>
          <c:smooth val="0"/>
          <c:extLst>
            <c:ext xmlns:c16="http://schemas.microsoft.com/office/drawing/2014/chart" uri="{C3380CC4-5D6E-409C-BE32-E72D297353CC}">
              <c16:uniqueId val="{00000000-6307-4A06-8E6D-94BDB07C5E30}"/>
            </c:ext>
          </c:extLst>
        </c:ser>
        <c:ser>
          <c:idx val="1"/>
          <c:order val="1"/>
          <c:tx>
            <c:strRef>
              <c:f>'[solution.xlsx]PART D'!$A$6795</c:f>
              <c:strCache>
                <c:ptCount val="1"/>
                <c:pt idx="0">
                  <c:v>alpha NON FOMC</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strRef>
              <c:f>'[solution.xlsx]PART D'!$B$6786:$Z$6786</c:f>
              <c:strCache>
                <c:ptCount val="25"/>
                <c:pt idx="0">
                  <c:v>SMALL LoBM</c:v>
                </c:pt>
                <c:pt idx="1">
                  <c:v>ME1 BM2</c:v>
                </c:pt>
                <c:pt idx="2">
                  <c:v>ME1 BM3</c:v>
                </c:pt>
                <c:pt idx="3">
                  <c:v>ME1 BM4</c:v>
                </c:pt>
                <c:pt idx="4">
                  <c:v>SMALL HiBM</c:v>
                </c:pt>
                <c:pt idx="5">
                  <c:v>ME2 BM1</c:v>
                </c:pt>
                <c:pt idx="6">
                  <c:v>ME2 BM2</c:v>
                </c:pt>
                <c:pt idx="7">
                  <c:v>ME2 BM3</c:v>
                </c:pt>
                <c:pt idx="8">
                  <c:v>ME2 BM4</c:v>
                </c:pt>
                <c:pt idx="9">
                  <c:v>ME2 BM5</c:v>
                </c:pt>
                <c:pt idx="10">
                  <c:v>ME3 BM1</c:v>
                </c:pt>
                <c:pt idx="11">
                  <c:v>ME3 BM2</c:v>
                </c:pt>
                <c:pt idx="12">
                  <c:v>ME3 BM3</c:v>
                </c:pt>
                <c:pt idx="13">
                  <c:v>ME3 BM4</c:v>
                </c:pt>
                <c:pt idx="14">
                  <c:v>ME3 BM5</c:v>
                </c:pt>
                <c:pt idx="15">
                  <c:v>ME4 BM1</c:v>
                </c:pt>
                <c:pt idx="16">
                  <c:v>ME4 BM2</c:v>
                </c:pt>
                <c:pt idx="17">
                  <c:v>ME4 BM3</c:v>
                </c:pt>
                <c:pt idx="18">
                  <c:v>ME4 BM4</c:v>
                </c:pt>
                <c:pt idx="19">
                  <c:v>ME4 BM5</c:v>
                </c:pt>
                <c:pt idx="20">
                  <c:v>BIG LoBM</c:v>
                </c:pt>
                <c:pt idx="21">
                  <c:v>ME5 BM2</c:v>
                </c:pt>
                <c:pt idx="22">
                  <c:v>ME5 BM3</c:v>
                </c:pt>
                <c:pt idx="23">
                  <c:v>ME5 BM4</c:v>
                </c:pt>
                <c:pt idx="24">
                  <c:v>BIG HiBM</c:v>
                </c:pt>
              </c:strCache>
            </c:strRef>
          </c:cat>
          <c:val>
            <c:numRef>
              <c:f>'[solution.xlsx]PART D'!$B$6795:$Z$6795</c:f>
              <c:numCache>
                <c:formatCode>General</c:formatCode>
                <c:ptCount val="25"/>
                <c:pt idx="0">
                  <c:v>-1.58692964305998E-2</c:v>
                </c:pt>
                <c:pt idx="1">
                  <c:v>-4.4017235440349418E-3</c:v>
                </c:pt>
                <c:pt idx="2">
                  <c:v>7.39076795114001E-3</c:v>
                </c:pt>
                <c:pt idx="3">
                  <c:v>1.0992748961365744E-2</c:v>
                </c:pt>
                <c:pt idx="4">
                  <c:v>2.5286334449751195E-2</c:v>
                </c:pt>
                <c:pt idx="5">
                  <c:v>-1.436792764136232E-2</c:v>
                </c:pt>
                <c:pt idx="6">
                  <c:v>-3.2087118313164475E-3</c:v>
                </c:pt>
                <c:pt idx="7">
                  <c:v>1.7660675742572837E-3</c:v>
                </c:pt>
                <c:pt idx="8">
                  <c:v>5.5976309016513275E-3</c:v>
                </c:pt>
                <c:pt idx="9">
                  <c:v>1.3172396916865623E-2</c:v>
                </c:pt>
                <c:pt idx="10">
                  <c:v>-9.3509764830948285E-3</c:v>
                </c:pt>
                <c:pt idx="11">
                  <c:v>-4.385550715787237E-3</c:v>
                </c:pt>
                <c:pt idx="12">
                  <c:v>3.1519981458674965E-3</c:v>
                </c:pt>
                <c:pt idx="13">
                  <c:v>5.9316516167071918E-3</c:v>
                </c:pt>
                <c:pt idx="14">
                  <c:v>1.1750260457401773E-2</c:v>
                </c:pt>
                <c:pt idx="15">
                  <c:v>-2.2731152900772513E-3</c:v>
                </c:pt>
                <c:pt idx="16">
                  <c:v>8.1252525404457154E-4</c:v>
                </c:pt>
                <c:pt idx="17">
                  <c:v>2.9758413313267472E-3</c:v>
                </c:pt>
                <c:pt idx="18">
                  <c:v>4.6207425655361792E-3</c:v>
                </c:pt>
                <c:pt idx="19">
                  <c:v>7.8469977767327628E-3</c:v>
                </c:pt>
                <c:pt idx="20">
                  <c:v>-2.6398182232010639E-3</c:v>
                </c:pt>
                <c:pt idx="21">
                  <c:v>4.449239999430761E-4</c:v>
                </c:pt>
                <c:pt idx="22">
                  <c:v>-2.6695404095121184E-3</c:v>
                </c:pt>
                <c:pt idx="23">
                  <c:v>-2.662444181870947E-3</c:v>
                </c:pt>
                <c:pt idx="24">
                  <c:v>-5.5290805742126414E-3</c:v>
                </c:pt>
              </c:numCache>
            </c:numRef>
          </c:val>
          <c:smooth val="0"/>
          <c:extLst>
            <c:ext xmlns:c16="http://schemas.microsoft.com/office/drawing/2014/chart" uri="{C3380CC4-5D6E-409C-BE32-E72D297353CC}">
              <c16:uniqueId val="{00000001-6307-4A06-8E6D-94BDB07C5E30}"/>
            </c:ext>
          </c:extLst>
        </c:ser>
        <c:dLbls>
          <c:showLegendKey val="0"/>
          <c:showVal val="0"/>
          <c:showCatName val="0"/>
          <c:showSerName val="0"/>
          <c:showPercent val="0"/>
          <c:showBubbleSize val="0"/>
        </c:dLbls>
        <c:marker val="1"/>
        <c:smooth val="0"/>
        <c:axId val="265546544"/>
        <c:axId val="265539888"/>
      </c:lineChart>
      <c:catAx>
        <c:axId val="265546544"/>
        <c:scaling>
          <c:orientation val="minMax"/>
        </c:scaling>
        <c:delete val="0"/>
        <c:axPos val="t"/>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65539888"/>
        <c:crosses val="max"/>
        <c:auto val="0"/>
        <c:lblAlgn val="ctr"/>
        <c:lblOffset val="100"/>
        <c:noMultiLvlLbl val="0"/>
      </c:catAx>
      <c:valAx>
        <c:axId val="265539888"/>
        <c:scaling>
          <c:orientation val="minMax"/>
        </c:scaling>
        <c:delete val="0"/>
        <c:axPos val="l"/>
        <c:majorGridlines>
          <c:spPr>
            <a:ln w="9525" cap="flat" cmpd="sng" algn="ctr">
              <a:solidFill>
                <a:schemeClr val="tx1">
                  <a:lumMod val="15000"/>
                  <a:lumOff val="85000"/>
                </a:schemeClr>
              </a:solidFill>
              <a:round/>
            </a:ln>
            <a:effectLst/>
          </c:spPr>
        </c:majorGridlines>
        <c:minorGridlines>
          <c:spPr>
            <a:ln w="9525" cap="flat" cmpd="sng" algn="ctr">
              <a:solidFill>
                <a:schemeClr val="tx1">
                  <a:lumMod val="5000"/>
                  <a:lumOff val="95000"/>
                </a:schemeClr>
              </a:solidFill>
              <a:round/>
            </a:ln>
            <a:effectLst/>
          </c:spPr>
        </c:min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AU"/>
                  <a:t>ALPHA</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65546544"/>
        <c:crosses val="autoZero"/>
        <c:crossBetween val="midCat"/>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600" b="1" i="0" u="none" strike="noStrike" kern="1200" spc="100" baseline="0">
                <a:solidFill>
                  <a:schemeClr val="lt1">
                    <a:lumMod val="95000"/>
                  </a:schemeClr>
                </a:solidFill>
                <a:effectLst>
                  <a:outerShdw blurRad="50800" dist="38100" dir="5400000" algn="t" rotWithShape="0">
                    <a:prstClr val="black">
                      <a:alpha val="40000"/>
                    </a:prstClr>
                  </a:outerShdw>
                </a:effectLst>
                <a:latin typeface="+mn-lt"/>
                <a:ea typeface="+mn-ea"/>
                <a:cs typeface="+mn-cs"/>
              </a:defRPr>
            </a:pPr>
            <a:r>
              <a:rPr lang="en-AU"/>
              <a:t>BETA</a:t>
            </a:r>
            <a:r>
              <a:rPr lang="en-AU" baseline="0"/>
              <a:t> FOMC vs NON FOMC</a:t>
            </a:r>
            <a:endParaRPr lang="en-AU"/>
          </a:p>
        </c:rich>
      </c:tx>
      <c:overlay val="0"/>
      <c:spPr>
        <a:noFill/>
        <a:ln>
          <a:noFill/>
        </a:ln>
        <a:effectLst/>
      </c:spPr>
      <c:txPr>
        <a:bodyPr rot="0" spcFirstLastPara="1" vertOverflow="ellipsis" vert="horz" wrap="square" anchor="ctr" anchorCtr="1"/>
        <a:lstStyle/>
        <a:p>
          <a:pPr>
            <a:defRPr sz="1600" b="1" i="0" u="none" strike="noStrike" kern="1200" spc="100" baseline="0">
              <a:solidFill>
                <a:schemeClr val="lt1">
                  <a:lumMod val="95000"/>
                </a:schemeClr>
              </a:solidFill>
              <a:effectLst>
                <a:outerShdw blurRad="50800" dist="38100" dir="5400000" algn="t" rotWithShape="0">
                  <a:prstClr val="black">
                    <a:alpha val="40000"/>
                  </a:prstClr>
                </a:outerShdw>
              </a:effectLst>
              <a:latin typeface="+mn-lt"/>
              <a:ea typeface="+mn-ea"/>
              <a:cs typeface="+mn-cs"/>
            </a:defRPr>
          </a:pPr>
          <a:endParaRPr lang="en-US"/>
        </a:p>
      </c:txPr>
    </c:title>
    <c:autoTitleDeleted val="0"/>
    <c:plotArea>
      <c:layout/>
      <c:barChart>
        <c:barDir val="col"/>
        <c:grouping val="clustered"/>
        <c:varyColors val="0"/>
        <c:ser>
          <c:idx val="0"/>
          <c:order val="0"/>
          <c:tx>
            <c:strRef>
              <c:f>'[solution.xlsx]PART D'!$A$6787</c:f>
              <c:strCache>
                <c:ptCount val="1"/>
                <c:pt idx="0">
                  <c:v>Beta FOMC</c:v>
                </c:pt>
              </c:strCache>
            </c:strRef>
          </c:tx>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cat>
            <c:strRef>
              <c:f>'[solution.xlsx]PART D'!$B$6793:$Z$6793</c:f>
              <c:strCache>
                <c:ptCount val="25"/>
                <c:pt idx="0">
                  <c:v>SMALL LoBM</c:v>
                </c:pt>
                <c:pt idx="1">
                  <c:v>ME1 BM2</c:v>
                </c:pt>
                <c:pt idx="2">
                  <c:v>ME1 BM3</c:v>
                </c:pt>
                <c:pt idx="3">
                  <c:v>ME1 BM4</c:v>
                </c:pt>
                <c:pt idx="4">
                  <c:v>SMALL HiBM</c:v>
                </c:pt>
                <c:pt idx="5">
                  <c:v>ME2 BM1</c:v>
                </c:pt>
                <c:pt idx="6">
                  <c:v>ME2 BM2</c:v>
                </c:pt>
                <c:pt idx="7">
                  <c:v>ME2 BM3</c:v>
                </c:pt>
                <c:pt idx="8">
                  <c:v>ME2 BM4</c:v>
                </c:pt>
                <c:pt idx="9">
                  <c:v>ME2 BM5</c:v>
                </c:pt>
                <c:pt idx="10">
                  <c:v>ME3 BM1</c:v>
                </c:pt>
                <c:pt idx="11">
                  <c:v>ME3 BM2</c:v>
                </c:pt>
                <c:pt idx="12">
                  <c:v>ME3 BM3</c:v>
                </c:pt>
                <c:pt idx="13">
                  <c:v>ME3 BM4</c:v>
                </c:pt>
                <c:pt idx="14">
                  <c:v>ME3 BM5</c:v>
                </c:pt>
                <c:pt idx="15">
                  <c:v>ME4 BM1</c:v>
                </c:pt>
                <c:pt idx="16">
                  <c:v>ME4 BM2</c:v>
                </c:pt>
                <c:pt idx="17">
                  <c:v>ME4 BM3</c:v>
                </c:pt>
                <c:pt idx="18">
                  <c:v>ME4 BM4</c:v>
                </c:pt>
                <c:pt idx="19">
                  <c:v>ME4 BM5</c:v>
                </c:pt>
                <c:pt idx="20">
                  <c:v>BIG LoBM</c:v>
                </c:pt>
                <c:pt idx="21">
                  <c:v>ME5 BM2</c:v>
                </c:pt>
                <c:pt idx="22">
                  <c:v>ME5 BM3</c:v>
                </c:pt>
                <c:pt idx="23">
                  <c:v>ME5 BM4</c:v>
                </c:pt>
                <c:pt idx="24">
                  <c:v>BIG HiBM</c:v>
                </c:pt>
              </c:strCache>
            </c:strRef>
          </c:cat>
          <c:val>
            <c:numRef>
              <c:f>'[solution.xlsx]PART D'!$B$6787:$Z$6787</c:f>
              <c:numCache>
                <c:formatCode>General</c:formatCode>
                <c:ptCount val="25"/>
                <c:pt idx="0">
                  <c:v>0.38335014943524026</c:v>
                </c:pt>
                <c:pt idx="1">
                  <c:v>0.38317808550044835</c:v>
                </c:pt>
                <c:pt idx="2">
                  <c:v>0.38976180822384637</c:v>
                </c:pt>
                <c:pt idx="3">
                  <c:v>0.38661927582838224</c:v>
                </c:pt>
                <c:pt idx="4">
                  <c:v>0.31300823811172407</c:v>
                </c:pt>
                <c:pt idx="5">
                  <c:v>0.57235123465820392</c:v>
                </c:pt>
                <c:pt idx="6">
                  <c:v>0.56004493442762071</c:v>
                </c:pt>
                <c:pt idx="7">
                  <c:v>0.5356341569553672</c:v>
                </c:pt>
                <c:pt idx="8">
                  <c:v>0.54707659814492271</c:v>
                </c:pt>
                <c:pt idx="9">
                  <c:v>0.50603569056823372</c:v>
                </c:pt>
                <c:pt idx="10">
                  <c:v>0.63569626610355023</c:v>
                </c:pt>
                <c:pt idx="11">
                  <c:v>0.60036418087227972</c:v>
                </c:pt>
                <c:pt idx="12">
                  <c:v>0.62172898416156053</c:v>
                </c:pt>
                <c:pt idx="13">
                  <c:v>0.56269185776372987</c:v>
                </c:pt>
                <c:pt idx="14">
                  <c:v>0.55649554690416236</c:v>
                </c:pt>
                <c:pt idx="15">
                  <c:v>0.64891677182524654</c:v>
                </c:pt>
                <c:pt idx="16">
                  <c:v>0.63120997649069588</c:v>
                </c:pt>
                <c:pt idx="17">
                  <c:v>0.59243504054510054</c:v>
                </c:pt>
                <c:pt idx="18">
                  <c:v>0.55698118666875818</c:v>
                </c:pt>
                <c:pt idx="19">
                  <c:v>0.56960010696051</c:v>
                </c:pt>
                <c:pt idx="20">
                  <c:v>0.77656284055071378</c:v>
                </c:pt>
                <c:pt idx="21">
                  <c:v>0.61427837695918697</c:v>
                </c:pt>
                <c:pt idx="22">
                  <c:v>0.55043765273752554</c:v>
                </c:pt>
                <c:pt idx="23">
                  <c:v>0.62390944356805733</c:v>
                </c:pt>
                <c:pt idx="24">
                  <c:v>0.71237758382749061</c:v>
                </c:pt>
              </c:numCache>
            </c:numRef>
          </c:val>
          <c:extLst>
            <c:ext xmlns:c16="http://schemas.microsoft.com/office/drawing/2014/chart" uri="{C3380CC4-5D6E-409C-BE32-E72D297353CC}">
              <c16:uniqueId val="{00000000-2875-454A-8D3C-4680521D6D92}"/>
            </c:ext>
          </c:extLst>
        </c:ser>
        <c:ser>
          <c:idx val="1"/>
          <c:order val="1"/>
          <c:tx>
            <c:strRef>
              <c:f>'[solution.xlsx]PART D'!$A$6794</c:f>
              <c:strCache>
                <c:ptCount val="1"/>
                <c:pt idx="0">
                  <c:v>Beta NON FOMC</c:v>
                </c:pt>
              </c:strCache>
            </c:strRef>
          </c:tx>
          <c:spPr>
            <a:gradFill rotWithShape="1">
              <a:gsLst>
                <a:gs pos="0">
                  <a:schemeClr val="accent2">
                    <a:satMod val="103000"/>
                    <a:lumMod val="102000"/>
                    <a:tint val="94000"/>
                  </a:schemeClr>
                </a:gs>
                <a:gs pos="50000">
                  <a:schemeClr val="accent2">
                    <a:satMod val="110000"/>
                    <a:lumMod val="100000"/>
                    <a:shade val="100000"/>
                  </a:schemeClr>
                </a:gs>
                <a:gs pos="100000">
                  <a:schemeClr val="accent2">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cat>
            <c:strRef>
              <c:f>'[solution.xlsx]PART D'!$B$6793:$Z$6793</c:f>
              <c:strCache>
                <c:ptCount val="25"/>
                <c:pt idx="0">
                  <c:v>SMALL LoBM</c:v>
                </c:pt>
                <c:pt idx="1">
                  <c:v>ME1 BM2</c:v>
                </c:pt>
                <c:pt idx="2">
                  <c:v>ME1 BM3</c:v>
                </c:pt>
                <c:pt idx="3">
                  <c:v>ME1 BM4</c:v>
                </c:pt>
                <c:pt idx="4">
                  <c:v>SMALL HiBM</c:v>
                </c:pt>
                <c:pt idx="5">
                  <c:v>ME2 BM1</c:v>
                </c:pt>
                <c:pt idx="6">
                  <c:v>ME2 BM2</c:v>
                </c:pt>
                <c:pt idx="7">
                  <c:v>ME2 BM3</c:v>
                </c:pt>
                <c:pt idx="8">
                  <c:v>ME2 BM4</c:v>
                </c:pt>
                <c:pt idx="9">
                  <c:v>ME2 BM5</c:v>
                </c:pt>
                <c:pt idx="10">
                  <c:v>ME3 BM1</c:v>
                </c:pt>
                <c:pt idx="11">
                  <c:v>ME3 BM2</c:v>
                </c:pt>
                <c:pt idx="12">
                  <c:v>ME3 BM3</c:v>
                </c:pt>
                <c:pt idx="13">
                  <c:v>ME3 BM4</c:v>
                </c:pt>
                <c:pt idx="14">
                  <c:v>ME3 BM5</c:v>
                </c:pt>
                <c:pt idx="15">
                  <c:v>ME4 BM1</c:v>
                </c:pt>
                <c:pt idx="16">
                  <c:v>ME4 BM2</c:v>
                </c:pt>
                <c:pt idx="17">
                  <c:v>ME4 BM3</c:v>
                </c:pt>
                <c:pt idx="18">
                  <c:v>ME4 BM4</c:v>
                </c:pt>
                <c:pt idx="19">
                  <c:v>ME4 BM5</c:v>
                </c:pt>
                <c:pt idx="20">
                  <c:v>BIG LoBM</c:v>
                </c:pt>
                <c:pt idx="21">
                  <c:v>ME5 BM2</c:v>
                </c:pt>
                <c:pt idx="22">
                  <c:v>ME5 BM3</c:v>
                </c:pt>
                <c:pt idx="23">
                  <c:v>ME5 BM4</c:v>
                </c:pt>
                <c:pt idx="24">
                  <c:v>BIG HiBM</c:v>
                </c:pt>
              </c:strCache>
            </c:strRef>
          </c:cat>
          <c:val>
            <c:numRef>
              <c:f>'[solution.xlsx]PART D'!$B$6794:$Z$6794</c:f>
              <c:numCache>
                <c:formatCode>General</c:formatCode>
                <c:ptCount val="25"/>
                <c:pt idx="0">
                  <c:v>0.43002805203284039</c:v>
                </c:pt>
                <c:pt idx="1">
                  <c:v>0.43453334822143985</c:v>
                </c:pt>
                <c:pt idx="2">
                  <c:v>0.43391588946747728</c:v>
                </c:pt>
                <c:pt idx="3">
                  <c:v>0.40124637240858863</c:v>
                </c:pt>
                <c:pt idx="4">
                  <c:v>0.32271647757353872</c:v>
                </c:pt>
                <c:pt idx="5">
                  <c:v>0.60579460575408106</c:v>
                </c:pt>
                <c:pt idx="6">
                  <c:v>0.59810560399064128</c:v>
                </c:pt>
                <c:pt idx="7">
                  <c:v>0.57353142044109251</c:v>
                </c:pt>
                <c:pt idx="8">
                  <c:v>0.56368731298889341</c:v>
                </c:pt>
                <c:pt idx="9">
                  <c:v>0.51511722840772356</c:v>
                </c:pt>
                <c:pt idx="10">
                  <c:v>0.69315141468542729</c:v>
                </c:pt>
                <c:pt idx="11">
                  <c:v>0.66809719635861187</c:v>
                </c:pt>
                <c:pt idx="12">
                  <c:v>0.65332005511486679</c:v>
                </c:pt>
                <c:pt idx="13">
                  <c:v>0.59884389765535007</c:v>
                </c:pt>
                <c:pt idx="14">
                  <c:v>0.59162951322455815</c:v>
                </c:pt>
                <c:pt idx="15">
                  <c:v>0.71239070318117304</c:v>
                </c:pt>
                <c:pt idx="16">
                  <c:v>0.64309735455608985</c:v>
                </c:pt>
                <c:pt idx="17">
                  <c:v>0.63870976680468716</c:v>
                </c:pt>
                <c:pt idx="18">
                  <c:v>0.59385590583510195</c:v>
                </c:pt>
                <c:pt idx="19">
                  <c:v>0.64013451546541122</c:v>
                </c:pt>
                <c:pt idx="20">
                  <c:v>0.80884653899676917</c:v>
                </c:pt>
                <c:pt idx="21">
                  <c:v>0.71010618757107269</c:v>
                </c:pt>
                <c:pt idx="22">
                  <c:v>0.69583936942305302</c:v>
                </c:pt>
                <c:pt idx="23">
                  <c:v>0.70888825553241763</c:v>
                </c:pt>
                <c:pt idx="24">
                  <c:v>0.82335452310067958</c:v>
                </c:pt>
              </c:numCache>
            </c:numRef>
          </c:val>
          <c:extLst>
            <c:ext xmlns:c16="http://schemas.microsoft.com/office/drawing/2014/chart" uri="{C3380CC4-5D6E-409C-BE32-E72D297353CC}">
              <c16:uniqueId val="{00000001-2875-454A-8D3C-4680521D6D92}"/>
            </c:ext>
          </c:extLst>
        </c:ser>
        <c:dLbls>
          <c:showLegendKey val="0"/>
          <c:showVal val="0"/>
          <c:showCatName val="0"/>
          <c:showSerName val="0"/>
          <c:showPercent val="0"/>
          <c:showBubbleSize val="0"/>
        </c:dLbls>
        <c:gapWidth val="115"/>
        <c:axId val="145786992"/>
        <c:axId val="145765776"/>
      </c:barChart>
      <c:catAx>
        <c:axId val="145786992"/>
        <c:scaling>
          <c:orientation val="minMax"/>
        </c:scaling>
        <c:delete val="0"/>
        <c:axPos val="b"/>
        <c:numFmt formatCode="General" sourceLinked="1"/>
        <c:majorTickMark val="none"/>
        <c:minorTickMark val="none"/>
        <c:tickLblPos val="nextTo"/>
        <c:spPr>
          <a:noFill/>
          <a:ln w="12700" cap="flat" cmpd="sng" algn="ctr">
            <a:solidFill>
              <a:schemeClr val="lt1">
                <a:lumMod val="95000"/>
                <a:alpha val="54000"/>
              </a:schemeClr>
            </a:solidFill>
            <a:round/>
          </a:ln>
          <a:effectLst/>
        </c:spPr>
        <c:txPr>
          <a:bodyPr rot="-60000000" spcFirstLastPara="1" vertOverflow="ellipsis" vert="horz" wrap="square" anchor="ctr" anchorCtr="1"/>
          <a:lstStyle/>
          <a:p>
            <a:pPr>
              <a:defRPr sz="900" b="0" i="0" u="none" strike="noStrike" kern="1200" baseline="0">
                <a:solidFill>
                  <a:schemeClr val="lt1">
                    <a:lumMod val="85000"/>
                  </a:schemeClr>
                </a:solidFill>
                <a:latin typeface="+mn-lt"/>
                <a:ea typeface="+mn-ea"/>
                <a:cs typeface="+mn-cs"/>
              </a:defRPr>
            </a:pPr>
            <a:endParaRPr lang="en-US"/>
          </a:p>
        </c:txPr>
        <c:crossAx val="145765776"/>
        <c:crosses val="autoZero"/>
        <c:auto val="1"/>
        <c:lblAlgn val="ctr"/>
        <c:lblOffset val="100"/>
        <c:noMultiLvlLbl val="0"/>
      </c:catAx>
      <c:valAx>
        <c:axId val="145765776"/>
        <c:scaling>
          <c:orientation val="minMax"/>
          <c:max val="1"/>
        </c:scaling>
        <c:delete val="0"/>
        <c:axPos val="l"/>
        <c:majorGridlines>
          <c:spPr>
            <a:ln w="9525" cap="flat" cmpd="sng" algn="ctr">
              <a:solidFill>
                <a:schemeClr val="lt1">
                  <a:lumMod val="95000"/>
                  <a:alpha val="10000"/>
                </a:schemeClr>
              </a:solidFill>
              <a:round/>
            </a:ln>
            <a:effectLst/>
          </c:spPr>
        </c:majorGridlines>
        <c:title>
          <c:tx>
            <c:rich>
              <a:bodyPr rot="-5400000" spcFirstLastPara="1" vertOverflow="ellipsis" vert="horz" wrap="square" anchor="ctr" anchorCtr="1"/>
              <a:lstStyle/>
              <a:p>
                <a:pPr>
                  <a:defRPr sz="900" b="1" i="0" u="none" strike="noStrike" kern="1200" cap="all" baseline="0">
                    <a:solidFill>
                      <a:schemeClr val="lt1">
                        <a:lumMod val="85000"/>
                      </a:schemeClr>
                    </a:solidFill>
                    <a:latin typeface="+mn-lt"/>
                    <a:ea typeface="+mn-ea"/>
                    <a:cs typeface="+mn-cs"/>
                  </a:defRPr>
                </a:pPr>
                <a:r>
                  <a:rPr lang="en-AU"/>
                  <a:t>BETA</a:t>
                </a:r>
              </a:p>
            </c:rich>
          </c:tx>
          <c:overlay val="0"/>
          <c:spPr>
            <a:noFill/>
            <a:ln>
              <a:noFill/>
            </a:ln>
            <a:effectLst/>
          </c:spPr>
          <c:txPr>
            <a:bodyPr rot="-5400000" spcFirstLastPara="1" vertOverflow="ellipsis" vert="horz" wrap="square" anchor="ctr" anchorCtr="1"/>
            <a:lstStyle/>
            <a:p>
              <a:pPr>
                <a:defRPr sz="900" b="1" i="0" u="none" strike="noStrike" kern="1200" cap="all" baseline="0">
                  <a:solidFill>
                    <a:schemeClr val="lt1">
                      <a:lumMod val="8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lt1">
                    <a:lumMod val="85000"/>
                  </a:schemeClr>
                </a:solidFill>
                <a:latin typeface="+mn-lt"/>
                <a:ea typeface="+mn-ea"/>
                <a:cs typeface="+mn-cs"/>
              </a:defRPr>
            </a:pPr>
            <a:endParaRPr lang="en-US"/>
          </a:p>
        </c:txPr>
        <c:crossAx val="14578699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lt1">
                  <a:lumMod val="8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a:ln>
      <a:noFill/>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5">
  <cs:axisTitle>
    <cs:lnRef idx="0"/>
    <cs:fillRef idx="0"/>
    <cs:effectRef idx="0"/>
    <cs:fontRef idx="minor">
      <a:schemeClr val="lt1">
        <a:lumMod val="75000"/>
      </a:schemeClr>
    </cs:fontRef>
    <cs:defRPr sz="900" b="1" kern="1200"/>
  </cs:axisTitle>
  <cs:categoryAxis>
    <cs:lnRef idx="0"/>
    <cs:fillRef idx="0"/>
    <cs:effectRef idx="0"/>
    <cs:fontRef idx="minor">
      <a:schemeClr val="lt1">
        <a:lumMod val="75000"/>
      </a:schemeClr>
    </cs:fontRef>
    <cs:defRPr sz="900" kern="1200"/>
  </cs:categoryAxis>
  <cs:chartArea>
    <cs:lnRef idx="0"/>
    <cs:fillRef idx="0"/>
    <cs:effectRef idx="0"/>
    <cs:fontRef idx="minor">
      <a:schemeClr val="dk1"/>
    </cs:fontRef>
    <cs:spPr>
      <a:solidFill>
        <a:schemeClr val="dk1">
          <a:lumMod val="75000"/>
          <a:lumOff val="25000"/>
        </a:schemeClr>
      </a:solidFill>
      <a:ln w="9525" cap="flat" cmpd="sng" algn="ctr">
        <a:solidFill>
          <a:schemeClr val="dk1">
            <a:lumMod val="15000"/>
            <a:lumOff val="85000"/>
          </a:schemeClr>
        </a:solidFill>
        <a:round/>
      </a:ln>
    </cs:spPr>
    <cs:defRPr sz="900" kern="1200"/>
  </cs:chartArea>
  <cs:dataLabel>
    <cs:lnRef idx="0"/>
    <cs:fillRef idx="0"/>
    <cs:effectRef idx="0"/>
    <cs:fontRef idx="minor">
      <a:schemeClr val="lt1">
        <a:lumMod val="75000"/>
      </a:schemeClr>
    </cs:fontRef>
    <cs:defRPr sz="900" kern="1200"/>
  </cs:dataLabel>
  <cs:dataLabelCallout>
    <cs:lnRef idx="0"/>
    <cs:fillRef idx="0"/>
    <cs:effectRef idx="0"/>
    <cs:fontRef idx="minor">
      <a:schemeClr val="lt1">
        <a:lumMod val="15000"/>
        <a:lumOff val="85000"/>
      </a:schemeClr>
    </cs:fontRef>
    <cs:spPr>
      <a:solidFill>
        <a:schemeClr val="dk1">
          <a:lumMod val="65000"/>
          <a:lumOff val="35000"/>
        </a:schemeClr>
      </a:solidFill>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0"/>
    <cs:effectRef idx="0">
      <cs:styleClr val="auto"/>
    </cs:effectRef>
    <cs:fontRef idx="minor">
      <a:schemeClr val="dk1"/>
    </cs:fontRef>
    <cs:spPr>
      <a:ln w="9525" cap="flat" cmpd="sng" algn="ctr">
        <a:solidFill>
          <a:schemeClr val="phClr"/>
        </a:solidFill>
        <a:miter lim="800000"/>
      </a:ln>
      <a:effectLst>
        <a:glow rad="63500">
          <a:schemeClr val="phClr">
            <a:satMod val="175000"/>
            <a:alpha val="25000"/>
          </a:schemeClr>
        </a:glow>
      </a:effectLst>
    </cs:spPr>
  </cs:dataPoint>
  <cs:dataPoint3D>
    <cs:lnRef idx="0">
      <cs:styleClr val="auto"/>
    </cs:lnRef>
    <cs:fillRef idx="0">
      <cs:styleClr val="auto"/>
    </cs:fillRef>
    <cs:effectRef idx="0">
      <cs:styleClr val="auto"/>
    </cs:effectRef>
    <cs:fontRef idx="minor">
      <a:schemeClr val="dk1"/>
    </cs:fontRef>
    <cs:spPr>
      <a:ln w="9525" cap="flat" cmpd="sng" algn="ctr">
        <a:solidFill>
          <a:schemeClr val="phClr"/>
        </a:solidFill>
        <a:miter lim="800000"/>
      </a:ln>
      <a:effectLst>
        <a:glow rad="63500">
          <a:schemeClr val="phClr">
            <a:satMod val="175000"/>
            <a:alpha val="25000"/>
          </a:schemeClr>
        </a:glow>
      </a:effectLst>
    </cs:spPr>
  </cs:dataPoint3D>
  <cs:dataPointLine>
    <cs:lnRef idx="0">
      <cs:styleClr val="auto"/>
    </cs:lnRef>
    <cs:fillRef idx="0">
      <cs:styleClr val="auto"/>
    </cs:fillRef>
    <cs:effectRef idx="0">
      <cs:styleClr val="auto"/>
    </cs:effectRef>
    <cs:fontRef idx="minor">
      <a:schemeClr val="dk1"/>
    </cs:fontRef>
    <cs:spPr>
      <a:ln w="22225" cap="rnd">
        <a:solidFill>
          <a:schemeClr val="phClr"/>
        </a:solidFill>
      </a:ln>
      <a:effectLst>
        <a:glow rad="139700">
          <a:schemeClr val="phClr">
            <a:satMod val="175000"/>
            <a:alpha val="14000"/>
          </a:schemeClr>
        </a:glow>
      </a:effectLst>
    </cs:spPr>
  </cs:dataPointLine>
  <cs:dataPointMarker>
    <cs:lnRef idx="0">
      <cs:styleClr val="auto"/>
    </cs:lnRef>
    <cs:fillRef idx="0">
      <cs:styleClr val="auto"/>
    </cs:fillRef>
    <cs:effectRef idx="0">
      <cs:styleClr val="auto"/>
    </cs:effectRef>
    <cs:fontRef idx="minor">
      <a:schemeClr val="dk1"/>
    </cs:fontRef>
    <cs:spPr>
      <a:solidFill>
        <a:schemeClr val="phClr">
          <a:lumMod val="60000"/>
          <a:lumOff val="40000"/>
        </a:schemeClr>
      </a:solidFill>
      <a:effectLst>
        <a:glow rad="63500">
          <a:schemeClr val="phClr">
            <a:satMod val="175000"/>
            <a:alpha val="25000"/>
          </a:schemeClr>
        </a:glow>
      </a:effectLst>
    </cs:spPr>
  </cs:dataPointMarker>
  <cs:dataPointMarkerLayout symbol="circle" size="3"/>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lt1">
        <a:lumMod val="75000"/>
      </a:schemeClr>
    </cs:fontRef>
    <cs:spPr>
      <a:ln w="9525">
        <a:solidFill>
          <a:schemeClr val="dk1">
            <a:lumMod val="50000"/>
            <a:lumOff val="50000"/>
          </a:schemeClr>
        </a:solidFill>
      </a:ln>
    </cs:spPr>
    <cs:defRPr sz="900" kern="1200"/>
  </cs:dataTable>
  <cs:downBar>
    <cs:lnRef idx="0"/>
    <cs:fillRef idx="0"/>
    <cs:effectRef idx="0"/>
    <cs:fontRef idx="minor">
      <a:schemeClr val="lt1"/>
    </cs:fontRef>
    <cs:spPr>
      <a:solidFill>
        <a:schemeClr val="dk1">
          <a:lumMod val="50000"/>
          <a:lumOff val="50000"/>
        </a:schemeClr>
      </a:solidFill>
      <a:ln w="9525">
        <a:solidFill>
          <a:schemeClr val="dk1">
            <a:lumMod val="75000"/>
          </a:schemeClr>
        </a:solidFill>
        <a:round/>
      </a:ln>
    </cs:spPr>
  </cs:downBar>
  <cs:dropLine>
    <cs:lnRef idx="0"/>
    <cs:fillRef idx="0"/>
    <cs:effectRef idx="0"/>
    <cs:fontRef idx="minor">
      <a:schemeClr val="dk1"/>
    </cs:fontRef>
    <cs:spPr>
      <a:ln w="9525">
        <a:solidFill>
          <a:schemeClr val="lt1">
            <a:lumMod val="50000"/>
          </a:schemeClr>
        </a:solidFill>
        <a:round/>
      </a:ln>
    </cs:spPr>
  </cs:dropLine>
  <cs:errorBar>
    <cs:lnRef idx="0"/>
    <cs:fillRef idx="0"/>
    <cs:effectRef idx="0"/>
    <cs:fontRef idx="minor">
      <a:schemeClr val="dk1"/>
    </cs:fontRef>
    <cs:spPr>
      <a:ln w="9525">
        <a:solidFill>
          <a:schemeClr val="lt1">
            <a:lumMod val="50000"/>
          </a:schemeClr>
        </a:solidFill>
        <a:round/>
      </a:ln>
    </cs:spPr>
  </cs:errorBar>
  <cs:floor>
    <cs:lnRef idx="0"/>
    <cs:fillRef idx="0"/>
    <cs:effectRef idx="0"/>
    <cs:fontRef idx="minor">
      <a:schemeClr val="dk1"/>
    </cs:fontRef>
  </cs:floor>
  <cs:gridlineMajor>
    <cs:lnRef idx="0"/>
    <cs:fillRef idx="0"/>
    <cs:effectRef idx="0"/>
    <cs:fontRef idx="minor">
      <a:schemeClr val="tx1"/>
    </cs:fontRef>
    <cs:spPr>
      <a:ln w="9525" cap="flat" cmpd="sng" algn="ctr">
        <a:solidFill>
          <a:schemeClr val="dk1">
            <a:lumMod val="65000"/>
            <a:lumOff val="35000"/>
            <a:alpha val="75000"/>
          </a:schemeClr>
        </a:solidFill>
        <a:round/>
      </a:ln>
    </cs:spPr>
  </cs:gridlineMajor>
  <cs:gridlineMinor>
    <cs:lnRef idx="0"/>
    <cs:fillRef idx="0"/>
    <cs:effectRef idx="0"/>
    <cs:fontRef idx="minor">
      <a:schemeClr val="tx1"/>
    </cs:fontRef>
    <cs:spPr>
      <a:ln w="9525" cap="flat" cmpd="sng" algn="ctr">
        <a:solidFill>
          <a:schemeClr val="dk1">
            <a:lumMod val="65000"/>
            <a:lumOff val="35000"/>
            <a:alpha val="25000"/>
          </a:schemeClr>
        </a:solidFill>
        <a:round/>
      </a:ln>
    </cs:spPr>
  </cs:gridlineMinor>
  <cs:hiLoLine>
    <cs:lnRef idx="0"/>
    <cs:fillRef idx="0"/>
    <cs:effectRef idx="0"/>
    <cs:fontRef idx="minor">
      <a:schemeClr val="dk1"/>
    </cs:fontRef>
    <cs:spPr>
      <a:ln w="9525">
        <a:solidFill>
          <a:schemeClr val="lt1">
            <a:lumMod val="50000"/>
          </a:schemeClr>
        </a:solidFill>
        <a:round/>
      </a:ln>
    </cs:spPr>
  </cs:hiLoLine>
  <cs:leaderLine>
    <cs:lnRef idx="0"/>
    <cs:fillRef idx="0"/>
    <cs:effectRef idx="0"/>
    <cs:fontRef idx="minor">
      <a:schemeClr val="dk1"/>
    </cs:fontRef>
    <cs:spPr>
      <a:ln w="9525">
        <a:solidFill>
          <a:schemeClr val="lt1">
            <a:lumMod val="50000"/>
          </a:schemeClr>
        </a:solidFill>
        <a:round/>
      </a:ln>
    </cs:spPr>
  </cs:leaderLine>
  <cs:legend>
    <cs:lnRef idx="0"/>
    <cs:fillRef idx="0"/>
    <cs:effectRef idx="0"/>
    <cs:fontRef idx="minor">
      <a:schemeClr val="lt1">
        <a:lumMod val="75000"/>
      </a:schemeClr>
    </cs:fontRef>
    <cs:defRPr sz="900" kern="1200"/>
  </cs:legend>
  <cs:plotArea>
    <cs:lnRef idx="0"/>
    <cs:fillRef idx="0"/>
    <cs:effectRef idx="0"/>
    <cs:fontRef idx="minor">
      <a:schemeClr val="dk1"/>
    </cs:fontRef>
  </cs:plotArea>
  <cs:plotArea3D>
    <cs:lnRef idx="0"/>
    <cs:fillRef idx="0"/>
    <cs:effectRef idx="0"/>
    <cs:fontRef idx="minor">
      <a:schemeClr val="dk1"/>
    </cs:fontRef>
  </cs:plotArea3D>
  <cs:seriesAxis>
    <cs:lnRef idx="0"/>
    <cs:fillRef idx="0"/>
    <cs:effectRef idx="0"/>
    <cs:fontRef idx="minor">
      <a:schemeClr val="lt1">
        <a:lumMod val="75000"/>
      </a:schemeClr>
    </cs:fontRef>
    <cs:defRPr sz="900" kern="1200"/>
  </cs:seriesAxis>
  <cs:seriesLine>
    <cs:lnRef idx="0"/>
    <cs:fillRef idx="0"/>
    <cs:effectRef idx="0"/>
    <cs:fontRef idx="minor">
      <a:schemeClr val="dk1"/>
    </cs:fontRef>
    <cs:spPr>
      <a:ln w="9525">
        <a:solidFill>
          <a:schemeClr val="lt1">
            <a:lumMod val="50000"/>
          </a:schemeClr>
        </a:solidFill>
        <a:round/>
      </a:ln>
    </cs:spPr>
  </cs:seriesLine>
  <cs:title>
    <cs:lnRef idx="0"/>
    <cs:fillRef idx="0"/>
    <cs:effectRef idx="0"/>
    <cs:fontRef idx="minor">
      <a:schemeClr val="lt1">
        <a:lumMod val="85000"/>
      </a:schemeClr>
    </cs:fontRef>
    <cs:defRPr sz="1400" b="1" kern="1200" cap="none" baseline="0"/>
  </cs:title>
  <cs:trendline>
    <cs:lnRef idx="0">
      <cs:styleClr val="auto"/>
    </cs:lnRef>
    <cs:fillRef idx="0"/>
    <cs:effectRef idx="0"/>
    <cs:fontRef idx="minor">
      <a:schemeClr val="lt1"/>
    </cs:fontRef>
    <cs:spPr>
      <a:ln w="25400" cap="rnd">
        <a:solidFill>
          <a:schemeClr val="phClr">
            <a:alpha val="50000"/>
          </a:schemeClr>
        </a:solidFill>
      </a:ln>
    </cs:spPr>
  </cs:trendline>
  <cs:trendlineLabel>
    <cs:lnRef idx="0"/>
    <cs:fillRef idx="0"/>
    <cs:effectRef idx="0"/>
    <cs:fontRef idx="minor">
      <a:schemeClr val="lt1">
        <a:lumMod val="75000"/>
      </a:schemeClr>
    </cs:fontRef>
    <cs:defRPr sz="900" kern="1200"/>
  </cs:trendlineLabel>
  <cs:upBar>
    <cs:lnRef idx="0"/>
    <cs:fillRef idx="0"/>
    <cs:effectRef idx="0"/>
    <cs:fontRef idx="minor">
      <a:schemeClr val="dk1"/>
    </cs:fontRef>
    <cs:spPr>
      <a:solidFill>
        <a:schemeClr val="lt1">
          <a:lumMod val="85000"/>
        </a:schemeClr>
      </a:solidFill>
      <a:ln w="9525">
        <a:solidFill>
          <a:schemeClr val="dk1">
            <a:lumMod val="50000"/>
          </a:schemeClr>
        </a:solidFill>
        <a:round/>
      </a:ln>
    </cs:spPr>
  </cs:upBar>
  <cs:valueAxis>
    <cs:lnRef idx="0"/>
    <cs:fillRef idx="0"/>
    <cs:effectRef idx="0"/>
    <cs:fontRef idx="minor">
      <a:schemeClr val="lt1">
        <a:lumMod val="75000"/>
      </a:schemeClr>
    </cs:fontRef>
    <cs:spPr>
      <a:ln w="9525" cap="flat" cmpd="sng" algn="ctr">
        <a:solidFill>
          <a:schemeClr val="lt1">
            <a:lumMod val="50000"/>
          </a:schemeClr>
        </a:solidFill>
        <a:round/>
      </a:ln>
    </cs:spPr>
    <cs:defRPr sz="900" kern="1200"/>
    <cs:bodyPr/>
  </cs:valueAxis>
  <cs:wall>
    <cs:lnRef idx="0"/>
    <cs:fillRef idx="0"/>
    <cs:effectRef idx="0"/>
    <cs:fontRef idx="minor">
      <a:schemeClr val="dk1"/>
    </cs:fontRef>
  </cs:wall>
</cs:chartStyle>
</file>

<file path=word/charts/style3.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9">
  <cs:axisTitle>
    <cs:lnRef idx="0"/>
    <cs:fillRef idx="0"/>
    <cs:effectRef idx="0"/>
    <cs:fontRef idx="minor">
      <a:schemeClr val="lt1">
        <a:lumMod val="85000"/>
      </a:schemeClr>
    </cs:fontRef>
    <cs:defRPr sz="900" b="1" kern="1200" cap="all"/>
  </cs:axisTitle>
  <cs:categoryAxis>
    <cs:lnRef idx="0"/>
    <cs:fillRef idx="0"/>
    <cs:effectRef idx="0"/>
    <cs:fontRef idx="minor">
      <a:schemeClr val="lt1">
        <a:lumMod val="85000"/>
      </a:schemeClr>
    </cs:fontRef>
    <cs:spPr>
      <a:ln w="12700" cap="flat" cmpd="sng" algn="ctr">
        <a:solidFill>
          <a:schemeClr val="lt1">
            <a:lumMod val="95000"/>
            <a:alpha val="54000"/>
          </a:schemeClr>
        </a:solidFill>
        <a:round/>
      </a:ln>
    </cs:spPr>
    <cs:defRPr sz="900" kern="1200"/>
  </cs:categoryAxis>
  <cs:chartArea>
    <cs:lnRef idx="0"/>
    <cs:fillRef idx="0"/>
    <cs:effectRef idx="0"/>
    <cs:fontRef idx="minor">
      <a:schemeClr val="dk1"/>
    </cs:fontRef>
    <cs: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cs:spPr>
    <cs:defRPr sz="1000" kern="1200"/>
  </cs:chartArea>
  <cs:dataLabel>
    <cs:lnRef idx="0"/>
    <cs:fillRef idx="0"/>
    <cs:effectRef idx="0"/>
    <cs:fontRef idx="minor">
      <a:schemeClr val="lt1">
        <a:lumMod val="85000"/>
      </a:schemeClr>
    </cs:fontRef>
    <cs:defRPr sz="900" kern="1200"/>
  </cs:dataLabel>
  <cs:dataLabelCallout>
    <cs:lnRef idx="0"/>
    <cs:fillRef idx="0"/>
    <cs:effectRef idx="0"/>
    <cs:fontRef idx="minor">
      <a:schemeClr val="dk1">
        <a:lumMod val="65000"/>
        <a:lumOff val="35000"/>
      </a:schemeClr>
    </cs:fontRef>
    <cs:spPr>
      <a:solidFill>
        <a:schemeClr val="lt1"/>
      </a:solidFill>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lt1"/>
    </cs:fontRef>
  </cs:dataPoint>
  <cs:dataPoint3D>
    <cs:lnRef idx="0"/>
    <cs:fillRef idx="3">
      <cs:styleClr val="auto"/>
    </cs:fillRef>
    <cs:effectRef idx="3"/>
    <cs:fontRef idx="minor">
      <a:schemeClr val="lt1"/>
    </cs:fontRef>
  </cs:dataPoint3D>
  <cs:dataPointLine>
    <cs:lnRef idx="0">
      <cs:styleClr val="auto"/>
    </cs:lnRef>
    <cs:fillRef idx="3"/>
    <cs:effectRef idx="3"/>
    <cs:fontRef idx="minor">
      <a:schemeClr val="lt1"/>
    </cs:fontRef>
    <cs:spPr>
      <a:ln w="34925" cap="rnd">
        <a:solidFill>
          <a:schemeClr val="phClr"/>
        </a:solidFill>
        <a:round/>
      </a:ln>
    </cs:spPr>
  </cs:dataPointLine>
  <cs:dataPointMarker>
    <cs:lnRef idx="0">
      <cs:styleClr val="auto"/>
    </cs:lnRef>
    <cs:fillRef idx="3">
      <cs:styleClr val="auto"/>
    </cs:fillRef>
    <cs:effectRef idx="3"/>
    <cs:fontRef idx="minor">
      <a:schemeClr val="lt1"/>
    </cs:fontRef>
    <cs:spPr>
      <a:ln w="9525">
        <a:solidFill>
          <a:schemeClr val="phClr"/>
        </a:solidFill>
        <a:round/>
      </a:ln>
    </cs:spPr>
  </cs:dataPointMarker>
  <cs:dataPointMarkerLayout symbol="circle" size="6"/>
  <cs:dataPointWireframe>
    <cs:lnRef idx="0">
      <cs:styleClr val="auto"/>
    </cs:lnRef>
    <cs:fillRef idx="3"/>
    <cs:effectRef idx="3"/>
    <cs:fontRef idx="minor">
      <a:schemeClr val="lt1"/>
    </cs:fontRef>
    <cs:spPr>
      <a:ln w="9525" cap="rnd">
        <a:solidFill>
          <a:schemeClr val="phClr"/>
        </a:solidFill>
        <a:round/>
      </a:ln>
    </cs:spPr>
  </cs:dataPointWireframe>
  <cs:dataTable>
    <cs:lnRef idx="0"/>
    <cs:fillRef idx="0"/>
    <cs:effectRef idx="0"/>
    <cs:fontRef idx="minor">
      <a:schemeClr val="lt1">
        <a:lumMod val="85000"/>
      </a:schemeClr>
    </cs:fontRef>
    <cs:spPr>
      <a:ln w="9525">
        <a:solidFill>
          <a:schemeClr val="lt1">
            <a:lumMod val="95000"/>
            <a:alpha val="54000"/>
          </a:schemeClr>
        </a:solidFill>
      </a:ln>
    </cs:spPr>
    <cs:defRPr sz="900" kern="1200"/>
  </cs:dataTable>
  <cs:downBar>
    <cs:lnRef idx="0"/>
    <cs:fillRef idx="0"/>
    <cs:effectRef idx="0"/>
    <cs:fontRef idx="minor">
      <a:schemeClr val="lt1"/>
    </cs:fontRef>
    <cs:spPr>
      <a:solidFill>
        <a:schemeClr val="dk1">
          <a:lumMod val="75000"/>
          <a:lumOff val="25000"/>
        </a:schemeClr>
      </a:solidFill>
      <a:ln w="9525">
        <a:solidFill>
          <a:schemeClr val="lt1">
            <a:lumMod val="95000"/>
            <a:alpha val="54000"/>
          </a:schemeClr>
        </a:solidFill>
      </a:ln>
    </cs:spPr>
  </cs:downBar>
  <cs:dropLine>
    <cs:lnRef idx="0"/>
    <cs:fillRef idx="0"/>
    <cs:effectRef idx="0"/>
    <cs:fontRef idx="minor">
      <a:schemeClr val="lt1"/>
    </cs:fontRef>
    <cs:spPr>
      <a:ln w="9525">
        <a:solidFill>
          <a:schemeClr val="lt1">
            <a:lumMod val="95000"/>
            <a:alpha val="54000"/>
          </a:schemeClr>
        </a:solidFill>
        <a:prstDash val="dash"/>
      </a:ln>
    </cs:spPr>
  </cs:dropLine>
  <cs:errorBar>
    <cs:lnRef idx="0"/>
    <cs:fillRef idx="0"/>
    <cs:effectRef idx="0"/>
    <cs:fontRef idx="minor">
      <a:schemeClr val="lt1"/>
    </cs:fontRef>
    <cs:spPr>
      <a:ln w="9525" cap="flat" cmpd="sng" algn="ctr">
        <a:solidFill>
          <a:schemeClr val="lt1">
            <a:lumMod val="95000"/>
          </a:schemeClr>
        </a:solidFill>
        <a:round/>
      </a:ln>
    </cs:spPr>
  </cs:errorBar>
  <cs:floor>
    <cs:lnRef idx="0"/>
    <cs:fillRef idx="0"/>
    <cs:effectRef idx="0"/>
    <cs:fontRef idx="minor">
      <a:schemeClr val="lt1"/>
    </cs:fontRef>
  </cs:floor>
  <cs:gridlineMajor>
    <cs:lnRef idx="0"/>
    <cs:fillRef idx="0"/>
    <cs:effectRef idx="0"/>
    <cs:fontRef idx="minor">
      <a:schemeClr val="lt1"/>
    </cs:fontRef>
    <cs:spPr>
      <a:ln w="9525" cap="flat" cmpd="sng" algn="ctr">
        <a:solidFill>
          <a:schemeClr val="lt1">
            <a:lumMod val="95000"/>
            <a:alpha val="10000"/>
          </a:schemeClr>
        </a:solidFill>
        <a:round/>
      </a:ln>
    </cs:spPr>
  </cs:gridlineMajor>
  <cs:gridlineMinor>
    <cs:lnRef idx="0"/>
    <cs:fillRef idx="0"/>
    <cs:effectRef idx="0"/>
    <cs:fontRef idx="minor">
      <a:schemeClr val="lt1"/>
    </cs:fontRef>
    <cs:spPr>
      <a:ln>
        <a:solidFill>
          <a:schemeClr val="lt1">
            <a:lumMod val="95000"/>
            <a:alpha val="5000"/>
          </a:schemeClr>
        </a:solidFill>
      </a:ln>
    </cs:spPr>
  </cs:gridlineMinor>
  <cs:hiLoLine>
    <cs:lnRef idx="0"/>
    <cs:fillRef idx="0"/>
    <cs:effectRef idx="0"/>
    <cs:fontRef idx="minor">
      <a:schemeClr val="lt1"/>
    </cs:fontRef>
    <cs:spPr>
      <a:ln w="9525">
        <a:solidFill>
          <a:schemeClr val="lt1">
            <a:lumMod val="95000"/>
            <a:alpha val="54000"/>
          </a:schemeClr>
        </a:solidFill>
        <a:prstDash val="dash"/>
      </a:ln>
    </cs:spPr>
  </cs:hiLoLine>
  <cs:leaderLine>
    <cs:lnRef idx="0"/>
    <cs:fillRef idx="0"/>
    <cs:effectRef idx="0"/>
    <cs:fontRef idx="minor">
      <a:schemeClr val="lt1"/>
    </cs:fontRef>
    <cs:spPr>
      <a:ln w="9525">
        <a:solidFill>
          <a:schemeClr val="lt1">
            <a:lumMod val="95000"/>
            <a:alpha val="54000"/>
          </a:schemeClr>
        </a:solidFill>
      </a:ln>
    </cs:spPr>
  </cs:leaderLine>
  <cs:legend>
    <cs:lnRef idx="0"/>
    <cs:fillRef idx="0"/>
    <cs:effectRef idx="0"/>
    <cs:fontRef idx="minor">
      <a:schemeClr val="lt1">
        <a:lumMod val="85000"/>
      </a:schemeClr>
    </cs:fontRef>
    <cs:defRPr sz="900" kern="1200"/>
  </cs:legend>
  <cs:plotArea>
    <cs:lnRef idx="0"/>
    <cs:fillRef idx="0"/>
    <cs:effectRef idx="0"/>
    <cs:fontRef idx="minor">
      <a:schemeClr val="lt1"/>
    </cs:fontRef>
  </cs:plotArea>
  <cs:plotArea3D>
    <cs:lnRef idx="0"/>
    <cs:fillRef idx="0"/>
    <cs:effectRef idx="0"/>
    <cs:fontRef idx="minor">
      <a:schemeClr val="lt1"/>
    </cs:fontRef>
  </cs:plotArea3D>
  <cs:seriesAxis>
    <cs:lnRef idx="0"/>
    <cs:fillRef idx="0"/>
    <cs:effectRef idx="0"/>
    <cs:fontRef idx="minor">
      <a:schemeClr val="lt1">
        <a:lumMod val="85000"/>
      </a:schemeClr>
    </cs:fontRef>
    <cs:spPr>
      <a:ln w="12700" cap="flat" cmpd="sng" algn="ctr">
        <a:solidFill>
          <a:schemeClr val="lt1">
            <a:lumMod val="95000"/>
            <a:alpha val="54000"/>
          </a:schemeClr>
        </a:solidFill>
        <a:round/>
      </a:ln>
    </cs:spPr>
    <cs:defRPr sz="900" kern="1200"/>
  </cs:seriesAxis>
  <cs:seriesLine>
    <cs:lnRef idx="0"/>
    <cs:fillRef idx="0"/>
    <cs:effectRef idx="0"/>
    <cs:fontRef idx="minor">
      <a:schemeClr val="lt1"/>
    </cs:fontRef>
    <cs:spPr>
      <a:ln w="9525" cap="flat" cmpd="sng" algn="ctr">
        <a:solidFill>
          <a:schemeClr val="lt1">
            <a:lumMod val="95000"/>
            <a:alpha val="54000"/>
          </a:schemeClr>
        </a:solidFill>
        <a:round/>
      </a:ln>
    </cs:spPr>
  </cs:seriesLine>
  <cs:title>
    <cs:lnRef idx="0"/>
    <cs:fillRef idx="0"/>
    <cs:effectRef idx="0"/>
    <cs:fontRef idx="minor">
      <a:schemeClr val="lt1">
        <a:lumMod val="95000"/>
      </a:schemeClr>
    </cs:fontRef>
    <cs:defRPr sz="1600" b="1" kern="1200" spc="100" baseline="0">
      <a:effectLst>
        <a:outerShdw blurRad="50800" dist="38100" dir="5400000" algn="t" rotWithShape="0">
          <a:prstClr val="black">
            <a:alpha val="40000"/>
          </a:prstClr>
        </a:outerShdw>
      </a:effectLst>
    </cs:defRPr>
  </cs:title>
  <cs:trendline>
    <cs:lnRef idx="0">
      <cs:styleClr val="auto"/>
    </cs:lnRef>
    <cs:fillRef idx="0"/>
    <cs:effectRef idx="0"/>
    <cs:fontRef idx="minor">
      <a:schemeClr val="lt1"/>
    </cs:fontRef>
    <cs:spPr>
      <a:ln w="19050" cap="rnd">
        <a:solidFill>
          <a:schemeClr val="phClr"/>
        </a:solidFill>
      </a:ln>
    </cs:spPr>
  </cs:trendline>
  <cs:trendlineLabel>
    <cs:lnRef idx="0"/>
    <cs:fillRef idx="0"/>
    <cs:effectRef idx="0"/>
    <cs:fontRef idx="minor">
      <a:schemeClr val="lt1">
        <a:lumMod val="85000"/>
      </a:schemeClr>
    </cs:fontRef>
    <cs:defRPr sz="900" kern="1200"/>
  </cs:trendlineLabel>
  <cs:upBar>
    <cs:lnRef idx="0"/>
    <cs:fillRef idx="0"/>
    <cs:effectRef idx="0"/>
    <cs:fontRef idx="minor">
      <a:schemeClr val="lt1"/>
    </cs:fontRef>
    <cs:spPr>
      <a:solidFill>
        <a:schemeClr val="lt1"/>
      </a:solidFill>
      <a:ln w="9525">
        <a:solidFill>
          <a:schemeClr val="lt1">
            <a:lumMod val="95000"/>
            <a:alpha val="54000"/>
          </a:schemeClr>
        </a:solidFill>
      </a:ln>
    </cs:spPr>
  </cs:upBar>
  <cs:valueAxis>
    <cs:lnRef idx="0"/>
    <cs:fillRef idx="0"/>
    <cs:effectRef idx="0"/>
    <cs:fontRef idx="minor">
      <a:schemeClr val="lt1">
        <a:lumMod val="85000"/>
      </a:schemeClr>
    </cs:fontRef>
    <cs:defRPr sz="900" kern="1200"/>
  </cs:valueAxis>
  <cs:wall>
    <cs:lnRef idx="0"/>
    <cs:fillRef idx="0"/>
    <cs:effectRef idx="0"/>
    <cs:fontRef idx="minor">
      <a:schemeClr val="lt1"/>
    </cs:fontRef>
  </cs:wall>
</cs:chartStyle>
</file>

<file path=word/charts/style5.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22">
  <cs:axisTitle>
    <cs:lnRef idx="0"/>
    <cs:fillRef idx="0"/>
    <cs:effectRef idx="0"/>
    <cs:fontRef idx="minor">
      <a:schemeClr val="lt1">
        <a:lumMod val="85000"/>
      </a:schemeClr>
    </cs:fontRef>
    <cs:defRPr sz="900" b="1" kern="1200" cap="all"/>
  </cs:axisTitle>
  <cs:categoryAxis>
    <cs:lnRef idx="0"/>
    <cs:fillRef idx="0"/>
    <cs:effectRef idx="0"/>
    <cs:fontRef idx="minor">
      <a:schemeClr val="lt1">
        <a:lumMod val="85000"/>
      </a:schemeClr>
    </cs:fontRef>
    <cs:spPr>
      <a:ln w="12700" cap="flat" cmpd="sng" algn="ctr">
        <a:solidFill>
          <a:schemeClr val="lt1">
            <a:lumMod val="95000"/>
            <a:alpha val="54000"/>
          </a:schemeClr>
        </a:solidFill>
        <a:round/>
      </a:ln>
    </cs:spPr>
    <cs:defRPr sz="900" kern="1200"/>
  </cs:categoryAxis>
  <cs:chartArea>
    <cs:lnRef idx="0"/>
    <cs:fillRef idx="0"/>
    <cs:effectRef idx="0"/>
    <cs:fontRef idx="minor">
      <a:schemeClr val="dk1"/>
    </cs:fontRef>
    <cs: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cs:spPr>
    <cs:defRPr sz="1000" kern="1200"/>
  </cs:chartArea>
  <cs:dataLabel>
    <cs:lnRef idx="0"/>
    <cs:fillRef idx="0"/>
    <cs:effectRef idx="0"/>
    <cs:fontRef idx="minor">
      <a:schemeClr val="lt1">
        <a:lumMod val="85000"/>
      </a:schemeClr>
    </cs:fontRef>
    <cs:defRPr sz="900" kern="1200"/>
  </cs:dataLabel>
  <cs:dataLabelCallout>
    <cs:lnRef idx="0"/>
    <cs:fillRef idx="0"/>
    <cs:effectRef idx="0"/>
    <cs:fontRef idx="minor">
      <a:schemeClr val="dk1">
        <a:lumMod val="65000"/>
        <a:lumOff val="35000"/>
      </a:schemeClr>
    </cs:fontRef>
    <cs:spPr>
      <a:solidFill>
        <a:schemeClr val="lt1"/>
      </a:solidFill>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34925" cap="rnd">
        <a:solidFill>
          <a:schemeClr val="phClr"/>
        </a:solidFill>
        <a:round/>
      </a:ln>
    </cs:spPr>
  </cs:dataPointLine>
  <cs:dataPointMarker>
    <cs:lnRef idx="0">
      <cs:styleClr val="auto"/>
    </cs:lnRef>
    <cs:fillRef idx="3">
      <cs:styleClr val="auto"/>
    </cs:fillRef>
    <cs:effectRef idx="3"/>
    <cs:fontRef idx="minor">
      <a:schemeClr val="tx1"/>
    </cs:fontRef>
    <cs:spPr>
      <a:ln w="9525">
        <a:solidFill>
          <a:schemeClr val="phClr"/>
        </a:solidFill>
        <a:round/>
      </a:ln>
    </cs:spPr>
  </cs:dataPointMarker>
  <cs:dataPointMarkerLayout size="5"/>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lt1">
        <a:lumMod val="85000"/>
      </a:schemeClr>
    </cs:fontRef>
    <cs:spPr>
      <a:ln w="9525">
        <a:solidFill>
          <a:schemeClr val="lt1">
            <a:lumMod val="95000"/>
            <a:alpha val="54000"/>
          </a:schemeClr>
        </a:solidFill>
      </a:ln>
    </cs:spPr>
    <cs:defRPr sz="900" kern="1200"/>
  </cs:dataTable>
  <cs:downBar>
    <cs:lnRef idx="0"/>
    <cs:fillRef idx="0"/>
    <cs:effectRef idx="0"/>
    <cs:fontRef idx="minor">
      <a:schemeClr val="tx1"/>
    </cs:fontRef>
    <cs:spPr>
      <a:solidFill>
        <a:schemeClr val="dk1">
          <a:lumMod val="75000"/>
          <a:lumOff val="25000"/>
        </a:schemeClr>
      </a:solidFill>
      <a:ln w="9525">
        <a:solidFill>
          <a:schemeClr val="lt1">
            <a:lumMod val="95000"/>
            <a:alpha val="54000"/>
          </a:schemeClr>
        </a:solidFill>
      </a:ln>
    </cs:spPr>
  </cs:downBar>
  <cs:dropLine>
    <cs:lnRef idx="0"/>
    <cs:fillRef idx="0"/>
    <cs:effectRef idx="0"/>
    <cs:fontRef idx="minor">
      <a:schemeClr val="tx1"/>
    </cs:fontRef>
    <cs:spPr>
      <a:ln w="9525">
        <a:solidFill>
          <a:schemeClr val="lt1">
            <a:lumMod val="95000"/>
            <a:alpha val="54000"/>
          </a:schemeClr>
        </a:solidFill>
        <a:prstDash val="dash"/>
      </a:ln>
    </cs:spPr>
  </cs:dropLine>
  <cs:errorBar>
    <cs:lnRef idx="0"/>
    <cs:fillRef idx="0"/>
    <cs:effectRef idx="0"/>
    <cs:fontRef idx="minor">
      <a:schemeClr val="tx1"/>
    </cs:fontRef>
    <cs:spPr>
      <a:ln w="9525" cap="flat" cmpd="sng" algn="ctr">
        <a:solidFill>
          <a:schemeClr val="lt1">
            <a:lumMod val="95000"/>
          </a:schemeClr>
        </a:solidFill>
        <a:round/>
      </a:ln>
    </cs:spPr>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lt1">
            <a:lumMod val="95000"/>
            <a:alpha val="10000"/>
          </a:schemeClr>
        </a:solidFill>
        <a:round/>
      </a:ln>
    </cs:spPr>
  </cs:gridlineMajor>
  <cs:gridlineMinor>
    <cs:lnRef idx="0"/>
    <cs:fillRef idx="0"/>
    <cs:effectRef idx="0"/>
    <cs:fontRef idx="minor">
      <a:schemeClr val="tx1"/>
    </cs:fontRef>
    <cs:spPr>
      <a:ln>
        <a:solidFill>
          <a:schemeClr val="lt1">
            <a:lumMod val="95000"/>
            <a:alpha val="5000"/>
          </a:schemeClr>
        </a:solidFill>
      </a:ln>
    </cs:spPr>
  </cs:gridlineMinor>
  <cs:hiLoLine>
    <cs:lnRef idx="0"/>
    <cs:fillRef idx="0"/>
    <cs:effectRef idx="0"/>
    <cs:fontRef idx="minor">
      <a:schemeClr val="tx1"/>
    </cs:fontRef>
    <cs:spPr>
      <a:ln w="9525">
        <a:solidFill>
          <a:schemeClr val="lt1">
            <a:lumMod val="95000"/>
            <a:alpha val="54000"/>
          </a:schemeClr>
        </a:solidFill>
        <a:prstDash val="dash"/>
      </a:ln>
    </cs:spPr>
  </cs:hiLoLine>
  <cs:leaderLine>
    <cs:lnRef idx="0"/>
    <cs:fillRef idx="0"/>
    <cs:effectRef idx="0"/>
    <cs:fontRef idx="minor">
      <a:schemeClr val="tx1"/>
    </cs:fontRef>
    <cs:spPr>
      <a:ln w="9525">
        <a:solidFill>
          <a:schemeClr val="lt1">
            <a:lumMod val="95000"/>
            <a:alpha val="54000"/>
          </a:schemeClr>
        </a:solidFill>
      </a:ln>
    </cs:spPr>
  </cs:leaderLine>
  <cs:legend>
    <cs:lnRef idx="0"/>
    <cs:fillRef idx="0"/>
    <cs:effectRef idx="0"/>
    <cs:fontRef idx="minor">
      <a:schemeClr val="lt1">
        <a:lumMod val="85000"/>
      </a:schemeClr>
    </cs:fontRef>
    <cs:defRPr sz="900" kern="1200"/>
  </cs:legend>
  <cs:plotArea>
    <cs:lnRef idx="0"/>
    <cs:fillRef idx="0"/>
    <cs:effectRef idx="0"/>
    <cs:fontRef idx="minor">
      <a:schemeClr val="tx1"/>
    </cs:fontRef>
  </cs:plotArea>
  <cs:plotArea3D>
    <cs:lnRef idx="0"/>
    <cs:fillRef idx="0"/>
    <cs:effectRef idx="0"/>
    <cs:fontRef idx="minor">
      <a:schemeClr val="tx1"/>
    </cs:fontRef>
  </cs:plotArea3D>
  <cs:seriesAxis>
    <cs:lnRef idx="0"/>
    <cs:fillRef idx="0"/>
    <cs:effectRef idx="0"/>
    <cs:fontRef idx="minor">
      <a:schemeClr val="lt1">
        <a:lumMod val="85000"/>
      </a:schemeClr>
    </cs:fontRef>
    <cs:spPr>
      <a:ln w="12700" cap="flat" cmpd="sng" algn="ctr">
        <a:solidFill>
          <a:schemeClr val="lt1">
            <a:lumMod val="95000"/>
            <a:alpha val="54000"/>
          </a:schemeClr>
        </a:solidFill>
        <a:round/>
      </a:ln>
    </cs:spPr>
    <cs:defRPr sz="900" kern="1200"/>
  </cs:seriesAxis>
  <cs:seriesLine>
    <cs:lnRef idx="0"/>
    <cs:fillRef idx="0"/>
    <cs:effectRef idx="0"/>
    <cs:fontRef idx="minor">
      <a:schemeClr val="lt1"/>
    </cs:fontRef>
    <cs:spPr>
      <a:ln w="9525" cap="flat" cmpd="sng" algn="ctr">
        <a:solidFill>
          <a:schemeClr val="lt1">
            <a:lumMod val="95000"/>
            <a:alpha val="54000"/>
          </a:schemeClr>
        </a:solidFill>
        <a:round/>
      </a:ln>
    </cs:spPr>
  </cs:seriesLine>
  <cs:title>
    <cs:lnRef idx="0"/>
    <cs:fillRef idx="0"/>
    <cs:effectRef idx="0"/>
    <cs:fontRef idx="minor">
      <a:schemeClr val="lt1">
        <a:lumMod val="95000"/>
      </a:schemeClr>
    </cs:fontRef>
    <cs:defRPr sz="1600" b="1" kern="1200" spc="100" baseline="0">
      <a:effectLst>
        <a:outerShdw blurRad="50800" dist="38100" dir="5400000" algn="t" rotWithShape="0">
          <a:prstClr val="black">
            <a:alpha val="40000"/>
          </a:prstClr>
        </a:outerShdw>
      </a:effectLst>
    </cs:defRPr>
  </cs:title>
  <cs:trendline>
    <cs:lnRef idx="0">
      <cs:styleClr val="auto"/>
    </cs:lnRef>
    <cs:fillRef idx="0"/>
    <cs:effectRef idx="0"/>
    <cs:fontRef idx="minor">
      <a:schemeClr val="tx1"/>
    </cs:fontRef>
    <cs:spPr>
      <a:ln w="19050" cap="rnd">
        <a:solidFill>
          <a:schemeClr val="phClr"/>
        </a:solidFill>
      </a:ln>
    </cs:spPr>
  </cs:trendline>
  <cs:trendlineLabel>
    <cs:lnRef idx="0"/>
    <cs:fillRef idx="0"/>
    <cs:effectRef idx="0"/>
    <cs:fontRef idx="minor">
      <a:schemeClr val="lt1">
        <a:lumMod val="85000"/>
      </a:schemeClr>
    </cs:fontRef>
    <cs:defRPr sz="900" kern="1200"/>
  </cs:trendlineLabel>
  <cs:upBar>
    <cs:lnRef idx="0"/>
    <cs:fillRef idx="0"/>
    <cs:effectRef idx="0"/>
    <cs:fontRef idx="minor">
      <a:schemeClr val="tx1"/>
    </cs:fontRef>
    <cs:spPr>
      <a:solidFill>
        <a:schemeClr val="lt1"/>
      </a:solidFill>
      <a:ln w="9525">
        <a:solidFill>
          <a:schemeClr val="lt1">
            <a:lumMod val="95000"/>
            <a:alpha val="54000"/>
          </a:schemeClr>
        </a:solidFill>
      </a:ln>
    </cs:spPr>
  </cs:upBar>
  <cs:valueAxis>
    <cs:lnRef idx="0"/>
    <cs:fillRef idx="0"/>
    <cs:effectRef idx="0"/>
    <cs:fontRef idx="minor">
      <a:schemeClr val="lt1">
        <a:lumMod val="85000"/>
      </a:schemeClr>
    </cs:fontRef>
    <cs:defRPr sz="900" kern="1200"/>
  </cs:valueAxis>
  <cs:wall>
    <cs:lnRef idx="0"/>
    <cs:fillRef idx="0"/>
    <cs:effectRef idx="0"/>
    <cs:fontRef idx="minor">
      <a:schemeClr val="tx1"/>
    </cs:fontRef>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351</TotalTime>
  <Pages>8</Pages>
  <Words>2383</Words>
  <Characters>13588</Characters>
  <Application>Microsoft Office Word</Application>
  <DocSecurity>0</DocSecurity>
  <Lines>113</Lines>
  <Paragraphs>3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59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askeerat Singh</dc:creator>
  <cp:keywords/>
  <dc:description/>
  <cp:lastModifiedBy>Jaskeerat Singh</cp:lastModifiedBy>
  <cp:revision>833</cp:revision>
  <dcterms:created xsi:type="dcterms:W3CDTF">2024-05-04T08:35:00Z</dcterms:created>
  <dcterms:modified xsi:type="dcterms:W3CDTF">2024-05-07T04:52:00Z</dcterms:modified>
</cp:coreProperties>
</file>